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66\OneDrive\Рабочий стол\"/>
    </mc:Choice>
  </mc:AlternateContent>
  <xr:revisionPtr revIDLastSave="0" documentId="13_ncr:1_{DE328D0F-AB76-4DA6-88A0-3701043D5466}" xr6:coauthVersionLast="47" xr6:coauthVersionMax="47" xr10:uidLastSave="{00000000-0000-0000-0000-000000000000}"/>
  <bookViews>
    <workbookView xWindow="-120" yWindow="-120" windowWidth="20730" windowHeight="11760" activeTab="3" xr2:uid="{00000000-000D-0000-FFFF-FFFF00000000}"/>
  </bookViews>
  <sheets>
    <sheet name="5-11 кл 2.7" sheetId="5" r:id="rId1"/>
    <sheet name="1-4 кл. 2.7" sheetId="4" r:id="rId2"/>
    <sheet name="Лист2" sheetId="2" r:id="rId3"/>
    <sheet name="Лист3" sheetId="3" r:id="rId4"/>
  </sheets>
  <definedNames>
    <definedName name="_xlnm.Print_Titles" localSheetId="1">'1-4 кл. 2.7'!$1:$6</definedName>
    <definedName name="_xlnm.Print_Titles" localSheetId="0">'5-11 кл 2.7'!$1: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40" uniqueCount="154">
  <si>
    <t>Прием пищи</t>
  </si>
  <si>
    <t>Наименование блюда</t>
  </si>
  <si>
    <t>Б</t>
  </si>
  <si>
    <t>Ж</t>
  </si>
  <si>
    <t>У</t>
  </si>
  <si>
    <t>№ рецептуры</t>
  </si>
  <si>
    <t>Вес блюда</t>
  </si>
  <si>
    <t>Возрастная категория:</t>
  </si>
  <si>
    <t>Пищевые вещества</t>
  </si>
  <si>
    <t>Энергетическая ценность</t>
  </si>
  <si>
    <t>День 1</t>
  </si>
  <si>
    <t>ЗАВТРАК</t>
  </si>
  <si>
    <t>Каша пшенная молочная с маслом сливочным</t>
  </si>
  <si>
    <t>200</t>
  </si>
  <si>
    <t>90</t>
  </si>
  <si>
    <t>Бутерброды с сыром (1-й вариант)</t>
  </si>
  <si>
    <t>109</t>
  </si>
  <si>
    <t>Хлеб ржаной</t>
  </si>
  <si>
    <t>40</t>
  </si>
  <si>
    <t>10/10</t>
  </si>
  <si>
    <t>Чай с сахаром</t>
  </si>
  <si>
    <t>ИТОГО ПО ПРИЕМУ ПИЩИ:</t>
  </si>
  <si>
    <t>ОБЕД</t>
  </si>
  <si>
    <t>106</t>
  </si>
  <si>
    <t>Овощи натуральные (помидоры)</t>
  </si>
  <si>
    <t>60</t>
  </si>
  <si>
    <t>Щи из свежей капусты со сметаной</t>
  </si>
  <si>
    <t>Макаронные изделия отварные</t>
  </si>
  <si>
    <t>150</t>
  </si>
  <si>
    <t>Гуляш из мяса</t>
  </si>
  <si>
    <t>100</t>
  </si>
  <si>
    <t>108</t>
  </si>
  <si>
    <t>Хлеб пшеничный</t>
  </si>
  <si>
    <t>50</t>
  </si>
  <si>
    <t>ИТОГО ЗА ДЕНЬ:</t>
  </si>
  <si>
    <t>День 2</t>
  </si>
  <si>
    <t>105</t>
  </si>
  <si>
    <t>Масло сливочное</t>
  </si>
  <si>
    <t>10</t>
  </si>
  <si>
    <t>111</t>
  </si>
  <si>
    <t>Батон нарезной</t>
  </si>
  <si>
    <t>30</t>
  </si>
  <si>
    <t>Овощи натуральные (огурцы)</t>
  </si>
  <si>
    <t>3/3</t>
  </si>
  <si>
    <t>Картофельное пюре</t>
  </si>
  <si>
    <t>День 3</t>
  </si>
  <si>
    <t>165</t>
  </si>
  <si>
    <t>Суп молочный с макаронными изделиями</t>
  </si>
  <si>
    <t>14/10</t>
  </si>
  <si>
    <t>Какао с молоком</t>
  </si>
  <si>
    <t>112</t>
  </si>
  <si>
    <t>Плоды свежие (яблоки)</t>
  </si>
  <si>
    <t>1</t>
  </si>
  <si>
    <t>Салат из капусты белокочанный</t>
  </si>
  <si>
    <t>2/2</t>
  </si>
  <si>
    <t>Борщ со сметаной</t>
  </si>
  <si>
    <t>45/3</t>
  </si>
  <si>
    <t>Каша рисовая рассыпчатая</t>
  </si>
  <si>
    <t>Биточки (котлеты) из мяса кур</t>
  </si>
  <si>
    <t>День 4</t>
  </si>
  <si>
    <t>2/6</t>
  </si>
  <si>
    <t>Омлет запеченный или паровой</t>
  </si>
  <si>
    <t>1/1</t>
  </si>
  <si>
    <t>Горошек зеленый</t>
  </si>
  <si>
    <t>27/2</t>
  </si>
  <si>
    <t>Суп-пюре из разных овощей</t>
  </si>
  <si>
    <t>34/2</t>
  </si>
  <si>
    <t>Гренки (сухарики)</t>
  </si>
  <si>
    <t>20</t>
  </si>
  <si>
    <t>4/8</t>
  </si>
  <si>
    <t>Плов из мяса</t>
  </si>
  <si>
    <t>230</t>
  </si>
  <si>
    <t>День 5</t>
  </si>
  <si>
    <t>481</t>
  </si>
  <si>
    <t>Молоко сгущенное</t>
  </si>
  <si>
    <t>11/10</t>
  </si>
  <si>
    <t>Чай с лимоном</t>
  </si>
  <si>
    <t>Рагу из овощей</t>
  </si>
  <si>
    <t>Биточки (котлеты) мясные паровые</t>
  </si>
  <si>
    <t>Напиток из шиповника</t>
  </si>
  <si>
    <t>День 6</t>
  </si>
  <si>
    <t>Каша геркулесовая молочная с маслом сливочным</t>
  </si>
  <si>
    <t>13/10</t>
  </si>
  <si>
    <t>Кофейный напиток с молоком</t>
  </si>
  <si>
    <t>Каша гречневая рассыпчатая с овощами</t>
  </si>
  <si>
    <t>Мясо кур отварное в соусе</t>
  </si>
  <si>
    <t>День 7</t>
  </si>
  <si>
    <t>15/1</t>
  </si>
  <si>
    <t>Салат из свежих помидор с растительным маслом</t>
  </si>
  <si>
    <t>День 8</t>
  </si>
  <si>
    <t>День 9</t>
  </si>
  <si>
    <t>17/5</t>
  </si>
  <si>
    <t>Пудинг из творога</t>
  </si>
  <si>
    <t>18/1</t>
  </si>
  <si>
    <t>Салат из редиса с растительным маслом</t>
  </si>
  <si>
    <t>14/2</t>
  </si>
  <si>
    <t>Суп из овощей со сметаной</t>
  </si>
  <si>
    <t>3/8</t>
  </si>
  <si>
    <t>Мясо тушенное с овощами</t>
  </si>
  <si>
    <t>617</t>
  </si>
  <si>
    <t>Напиток "Валетек" с витаминами</t>
  </si>
  <si>
    <t>Плоды свежие (мандарин)</t>
  </si>
  <si>
    <t>День 10</t>
  </si>
  <si>
    <t>2/4</t>
  </si>
  <si>
    <t>Каша гречневая молочная с маслом сливочным</t>
  </si>
  <si>
    <t>1/6</t>
  </si>
  <si>
    <t>Яйцо отварное</t>
  </si>
  <si>
    <t>19/2</t>
  </si>
  <si>
    <t>Суп картофельный с рыбой</t>
  </si>
  <si>
    <t>38/8</t>
  </si>
  <si>
    <t>Запеканка картофельная, фаршированная отварным мясом с овощами</t>
  </si>
  <si>
    <t>ИТОГО ЗА ВЕСЬ ПЕРИОД:</t>
  </si>
  <si>
    <t>СРЕДНЕЕ ЗНАЧЕНИЕ ЗА ПЕРИОД:</t>
  </si>
  <si>
    <t>Содержание белков, жиров, углеводов в меню за плановый период в % от калорийности</t>
  </si>
  <si>
    <t>250</t>
  </si>
  <si>
    <t>180</t>
  </si>
  <si>
    <t>280</t>
  </si>
  <si>
    <t>Меню Приготавливаемых Блюд</t>
  </si>
  <si>
    <t>7-10 лет</t>
  </si>
  <si>
    <t>с 12 лет и старше</t>
  </si>
  <si>
    <t>Согласовано:</t>
  </si>
  <si>
    <t>Утверждаю:</t>
  </si>
  <si>
    <t>Утверждаю</t>
  </si>
  <si>
    <t>Директор</t>
  </si>
  <si>
    <t>ООО "Общественное питание"</t>
  </si>
  <si>
    <t>_________</t>
  </si>
  <si>
    <t>_______Фомин А.М.</t>
  </si>
  <si>
    <t>ПРИМЕРНОЕ 10 - (ДЕСЯТИДНЕВНОЕ) МЕНЮ ГОРЯЧЕГО ПИТАНИЯ                                 (ЗАВТРАК И ОБЕД)</t>
  </si>
  <si>
    <t>ДЛЯ ДЕТЕЙ С 12 ЛЕТ И СТАРШЕ</t>
  </si>
  <si>
    <t xml:space="preserve">«Сборник технологических нормативов, рецептур блюд и кулинарных изделий, для школ, школ-интернатов, детских домов, детских оздоровительных учреждений, учреждений профессионального образования, специализированных учреждений для несовершеннолетних, нуждающихся в социальной реабилитации». 2013 Уральский региональный центр питания, под редакцией А.Я. Перевалова.)
«Сборник технических нормативов для питания детей в дошкольных организациях: методические рекомендации и технические документы». Д.В. Гращенков, Л.И. Николаева. - Екатеринбург, 2011 год.
«Справочник рецептур блюд для питания учащихся образовательных учреждений города Москвы», выпуск 4, 2003 г.
«Сборник рецептур блюд и кулинарных изделий для предприятий общественного питания при общеобразовательных школах» Под ред.Ф.Л.Марчука и В.Т.Лапшиной. - Изд. Хлебпродинформ, 2004.
«Сборник рецептур блюд и кулинарных изделий: Для предприятий общественного питания» Авт.-сост.: А.И. Здобнов, В.А. Цыганенко. 2005 г.
</t>
  </si>
  <si>
    <r>
      <rPr>
        <sz val="10"/>
        <rFont val="Bookman Old Style"/>
        <family val="1"/>
        <charset val="204"/>
      </rPr>
      <t>"</t>
    </r>
    <r>
      <rPr>
        <b/>
        <sz val="10"/>
        <rFont val="Bookman Old Style"/>
        <family val="1"/>
        <charset val="204"/>
      </rPr>
      <t>Санитарно-эпидемиологические требования к организации общественного питания населения" СанПиН 2.3/2.4.3590-20</t>
    </r>
  </si>
  <si>
    <t>Весенне-летний период</t>
  </si>
  <si>
    <t xml:space="preserve">ДЛЯ ДЕТЕЙ С 7-11 ЛЕТ </t>
  </si>
  <si>
    <t>Йогурт</t>
  </si>
  <si>
    <t>Каша рисовая молочная жидкая</t>
  </si>
  <si>
    <t>Сыр твердый порциями</t>
  </si>
  <si>
    <t>Чай из сухой смеси с витаминами "Витошка"</t>
  </si>
  <si>
    <t>Рассольник домашний</t>
  </si>
  <si>
    <t>Кнели рыбные припущенные</t>
  </si>
  <si>
    <t>Компот из смеси сухофруктов</t>
  </si>
  <si>
    <t>Компот из яблок с лимоном</t>
  </si>
  <si>
    <t>Каша из пшена м риса молочная жидкая "Дружба " с использованием смеси сухой с витаминами и магнием для напитка "Витошка" для детей</t>
  </si>
  <si>
    <t>Салат из свеклы отварной</t>
  </si>
  <si>
    <t>Напиток" Витошка" с витаминами</t>
  </si>
  <si>
    <t>Суп с крупой(перловой,рисовой,манной</t>
  </si>
  <si>
    <t>Суп картоф. С бобовыми</t>
  </si>
  <si>
    <t>Компот из ягод или фруктов мороженных</t>
  </si>
  <si>
    <t>Щи из свежей капусты с картофелем</t>
  </si>
  <si>
    <t>Каша пшенная молочная жидкая</t>
  </si>
  <si>
    <t>Чай с молокам</t>
  </si>
  <si>
    <t>10\12</t>
  </si>
  <si>
    <t>Птица отварная</t>
  </si>
  <si>
    <t>Кисель</t>
  </si>
  <si>
    <t xml:space="preserve">Хлеб столовый (ржано-пшеничный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0"/>
      <name val="Arial Cyr"/>
      <charset val="204"/>
    </font>
    <font>
      <b/>
      <sz val="10"/>
      <name val="Arial Cyr"/>
      <charset val="204"/>
    </font>
    <font>
      <b/>
      <sz val="9"/>
      <name val="Arial Cyr"/>
      <charset val="204"/>
    </font>
    <font>
      <b/>
      <sz val="11"/>
      <name val="Arial Cyr"/>
      <charset val="204"/>
    </font>
    <font>
      <sz val="10"/>
      <name val="Arial Cyr"/>
      <charset val="204"/>
    </font>
    <font>
      <b/>
      <sz val="16"/>
      <color theme="1"/>
      <name val="Times New Roman"/>
      <family val="1"/>
      <charset val="204"/>
    </font>
    <font>
      <i/>
      <sz val="16"/>
      <name val="Times New Roman"/>
      <family val="1"/>
      <charset val="204"/>
    </font>
    <font>
      <sz val="11"/>
      <color theme="1"/>
      <name val="Calibri"/>
      <family val="2"/>
      <scheme val="minor"/>
    </font>
    <font>
      <b/>
      <sz val="14"/>
      <name val="Bookman Old Style"/>
      <family val="1"/>
      <charset val="204"/>
    </font>
    <font>
      <b/>
      <sz val="10"/>
      <name val="Bookman Old Style"/>
      <family val="1"/>
      <charset val="204"/>
    </font>
    <font>
      <sz val="10"/>
      <name val="Bookman Old Style"/>
      <family val="1"/>
      <charset val="204"/>
    </font>
    <font>
      <sz val="10"/>
      <color theme="1"/>
      <name val="Arial"/>
      <family val="2"/>
      <charset val="204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4" fillId="0" borderId="0"/>
  </cellStyleXfs>
  <cellXfs count="94">
    <xf numFmtId="0" fontId="0" fillId="0" borderId="0" xfId="0"/>
    <xf numFmtId="1" fontId="1" fillId="0" borderId="0" xfId="0" applyNumberFormat="1" applyFont="1" applyAlignment="1">
      <alignment horizontal="right" vertical="center" wrapText="1"/>
    </xf>
    <xf numFmtId="0" fontId="0" fillId="0" borderId="0" xfId="0" applyAlignment="1">
      <alignment vertical="center" wrapText="1"/>
    </xf>
    <xf numFmtId="1" fontId="0" fillId="0" borderId="0" xfId="0" applyNumberFormat="1" applyAlignment="1">
      <alignment horizontal="right" vertical="center" wrapText="1"/>
    </xf>
    <xf numFmtId="1" fontId="0" fillId="0" borderId="0" xfId="0" applyNumberFormat="1" applyAlignment="1">
      <alignment horizontal="center" vertical="center" wrapText="1"/>
    </xf>
    <xf numFmtId="0" fontId="0" fillId="0" borderId="0" xfId="0" applyNumberForma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/>
    <xf numFmtId="0" fontId="0" fillId="0" borderId="0" xfId="0" applyAlignment="1">
      <alignment wrapText="1"/>
    </xf>
    <xf numFmtId="0" fontId="1" fillId="0" borderId="13" xfId="0" applyFont="1" applyBorder="1"/>
    <xf numFmtId="0" fontId="0" fillId="0" borderId="6" xfId="0" applyBorder="1" applyAlignment="1">
      <alignment wrapText="1"/>
    </xf>
    <xf numFmtId="0" fontId="0" fillId="0" borderId="6" xfId="0" applyBorder="1"/>
    <xf numFmtId="0" fontId="0" fillId="0" borderId="14" xfId="0" applyBorder="1"/>
    <xf numFmtId="0" fontId="1" fillId="0" borderId="6" xfId="0" applyFont="1" applyBorder="1"/>
    <xf numFmtId="0" fontId="1" fillId="0" borderId="14" xfId="0" applyFont="1" applyBorder="1"/>
    <xf numFmtId="0" fontId="1" fillId="0" borderId="7" xfId="0" applyFont="1" applyBorder="1"/>
    <xf numFmtId="0" fontId="1" fillId="0" borderId="18" xfId="0" applyFont="1" applyBorder="1"/>
    <xf numFmtId="0" fontId="0" fillId="0" borderId="6" xfId="0" applyBorder="1" applyAlignment="1">
      <alignment horizontal="center"/>
    </xf>
    <xf numFmtId="0" fontId="1" fillId="0" borderId="6" xfId="0" applyFont="1" applyBorder="1" applyAlignment="1">
      <alignment horizontal="center"/>
    </xf>
    <xf numFmtId="0" fontId="1" fillId="0" borderId="7" xfId="0" applyFont="1" applyBorder="1" applyAlignment="1">
      <alignment horizontal="center"/>
    </xf>
    <xf numFmtId="0" fontId="0" fillId="0" borderId="0" xfId="0" applyAlignment="1">
      <alignment horizontal="center"/>
    </xf>
    <xf numFmtId="2" fontId="0" fillId="0" borderId="0" xfId="0" applyNumberFormat="1" applyAlignment="1">
      <alignment horizontal="center" vertical="center" wrapText="1"/>
    </xf>
    <xf numFmtId="2" fontId="1" fillId="0" borderId="7" xfId="0" applyNumberFormat="1" applyFont="1" applyBorder="1" applyAlignment="1">
      <alignment horizontal="center" vertical="center" wrapText="1"/>
    </xf>
    <xf numFmtId="2" fontId="0" fillId="0" borderId="6" xfId="0" applyNumberFormat="1" applyBorder="1" applyAlignment="1">
      <alignment horizontal="center"/>
    </xf>
    <xf numFmtId="2" fontId="1" fillId="0" borderId="6" xfId="0" applyNumberFormat="1" applyFont="1" applyBorder="1" applyAlignment="1">
      <alignment horizontal="center"/>
    </xf>
    <xf numFmtId="2" fontId="1" fillId="0" borderId="7" xfId="0" applyNumberFormat="1" applyFont="1" applyBorder="1" applyAlignment="1">
      <alignment horizontal="center"/>
    </xf>
    <xf numFmtId="2" fontId="0" fillId="0" borderId="0" xfId="0" applyNumberFormat="1" applyAlignment="1">
      <alignment horizontal="center"/>
    </xf>
    <xf numFmtId="0" fontId="1" fillId="0" borderId="0" xfId="0" applyFont="1" applyAlignment="1">
      <alignment wrapText="1"/>
    </xf>
    <xf numFmtId="0" fontId="1" fillId="0" borderId="3" xfId="0" applyFont="1" applyBorder="1" applyAlignment="1">
      <alignment horizontal="center"/>
    </xf>
    <xf numFmtId="2" fontId="1" fillId="0" borderId="3" xfId="0" applyNumberFormat="1" applyFont="1" applyBorder="1" applyAlignment="1">
      <alignment horizontal="center"/>
    </xf>
    <xf numFmtId="0" fontId="1" fillId="0" borderId="3" xfId="0" applyFont="1" applyBorder="1"/>
    <xf numFmtId="0" fontId="1" fillId="0" borderId="12" xfId="0" applyFont="1" applyBorder="1"/>
    <xf numFmtId="0" fontId="1" fillId="0" borderId="1" xfId="0" applyFont="1" applyBorder="1" applyAlignment="1">
      <alignment horizontal="center" wrapText="1"/>
    </xf>
    <xf numFmtId="2" fontId="1" fillId="0" borderId="1" xfId="0" applyNumberFormat="1" applyFont="1" applyBorder="1" applyAlignment="1">
      <alignment horizontal="center" wrapText="1"/>
    </xf>
    <xf numFmtId="0" fontId="1" fillId="0" borderId="1" xfId="0" applyFont="1" applyBorder="1" applyAlignment="1">
      <alignment wrapText="1"/>
    </xf>
    <xf numFmtId="0" fontId="1" fillId="0" borderId="16" xfId="0" applyFont="1" applyBorder="1" applyAlignment="1">
      <alignment wrapText="1"/>
    </xf>
    <xf numFmtId="1" fontId="2" fillId="0" borderId="0" xfId="0" applyNumberFormat="1" applyFont="1" applyAlignment="1">
      <alignment horizontal="right" vertical="center" wrapText="1"/>
    </xf>
    <xf numFmtId="0" fontId="6" fillId="0" borderId="0" xfId="0" applyFont="1" applyBorder="1" applyAlignment="1">
      <alignment vertical="center"/>
    </xf>
    <xf numFmtId="0" fontId="0" fillId="0" borderId="0" xfId="0" applyBorder="1" applyAlignment="1">
      <alignment horizontal="right"/>
    </xf>
    <xf numFmtId="0" fontId="6" fillId="0" borderId="0" xfId="0" applyFont="1" applyBorder="1" applyAlignment="1">
      <alignment horizontal="right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wrapText="1"/>
    </xf>
    <xf numFmtId="0" fontId="0" fillId="0" borderId="0" xfId="0" applyBorder="1" applyAlignment="1">
      <alignment horizontal="center"/>
    </xf>
    <xf numFmtId="0" fontId="4" fillId="0" borderId="0" xfId="1" applyFont="1" applyBorder="1"/>
    <xf numFmtId="0" fontId="7" fillId="0" borderId="0" xfId="1" applyFont="1"/>
    <xf numFmtId="0" fontId="7" fillId="0" borderId="0" xfId="1" applyFont="1" applyBorder="1"/>
    <xf numFmtId="0" fontId="11" fillId="0" borderId="6" xfId="0" applyNumberFormat="1" applyFont="1" applyBorder="1" applyAlignment="1">
      <alignment horizontal="center"/>
    </xf>
    <xf numFmtId="2" fontId="11" fillId="0" borderId="6" xfId="0" applyNumberFormat="1" applyFont="1" applyBorder="1" applyAlignment="1">
      <alignment horizontal="center"/>
    </xf>
    <xf numFmtId="0" fontId="11" fillId="0" borderId="6" xfId="0" applyFont="1" applyBorder="1" applyAlignment="1">
      <alignment horizontal="right"/>
    </xf>
    <xf numFmtId="0" fontId="11" fillId="0" borderId="6" xfId="0" applyFont="1" applyBorder="1" applyAlignment="1">
      <alignment horizontal="left"/>
    </xf>
    <xf numFmtId="0" fontId="1" fillId="0" borderId="13" xfId="0" applyFont="1" applyBorder="1"/>
    <xf numFmtId="0" fontId="0" fillId="0" borderId="14" xfId="0" applyBorder="1" applyAlignment="1">
      <alignment horizontal="left"/>
    </xf>
    <xf numFmtId="0" fontId="1" fillId="0" borderId="14" xfId="0" applyFont="1" applyBorder="1" applyAlignment="1">
      <alignment horizontal="left"/>
    </xf>
    <xf numFmtId="0" fontId="1" fillId="0" borderId="13" xfId="0" applyFont="1" applyBorder="1"/>
    <xf numFmtId="0" fontId="1" fillId="0" borderId="13" xfId="0" applyFont="1" applyBorder="1"/>
    <xf numFmtId="0" fontId="1" fillId="0" borderId="13" xfId="0" applyFont="1" applyBorder="1"/>
    <xf numFmtId="0" fontId="1" fillId="0" borderId="18" xfId="0" applyFont="1" applyBorder="1" applyAlignment="1">
      <alignment horizontal="left"/>
    </xf>
    <xf numFmtId="0" fontId="1" fillId="0" borderId="13" xfId="0" applyFont="1" applyBorder="1"/>
    <xf numFmtId="0" fontId="1" fillId="0" borderId="13" xfId="0" applyFont="1" applyBorder="1"/>
    <xf numFmtId="0" fontId="1" fillId="0" borderId="6" xfId="0" applyFont="1" applyBorder="1"/>
    <xf numFmtId="0" fontId="1" fillId="0" borderId="15" xfId="0" applyFont="1" applyBorder="1" applyAlignment="1">
      <alignment wrapText="1"/>
    </xf>
    <xf numFmtId="0" fontId="1" fillId="0" borderId="1" xfId="0" applyFont="1" applyBorder="1" applyAlignment="1">
      <alignment wrapText="1"/>
    </xf>
    <xf numFmtId="0" fontId="1" fillId="0" borderId="17" xfId="0" applyFont="1" applyBorder="1"/>
    <xf numFmtId="0" fontId="1" fillId="0" borderId="7" xfId="0" applyFont="1" applyBorder="1"/>
    <xf numFmtId="0" fontId="1" fillId="0" borderId="11" xfId="0" applyFont="1" applyBorder="1"/>
    <xf numFmtId="0" fontId="1" fillId="0" borderId="3" xfId="0" applyFont="1" applyBorder="1"/>
    <xf numFmtId="0" fontId="1" fillId="0" borderId="12" xfId="0" applyFont="1" applyBorder="1"/>
    <xf numFmtId="0" fontId="3" fillId="0" borderId="0" xfId="0" applyFont="1" applyAlignment="1">
      <alignment horizontal="center" vertical="center" wrapText="1"/>
    </xf>
    <xf numFmtId="0" fontId="1" fillId="0" borderId="2" xfId="0" applyNumberFormat="1" applyFont="1" applyBorder="1" applyAlignment="1">
      <alignment horizontal="center" vertical="center" wrapText="1"/>
    </xf>
    <xf numFmtId="0" fontId="1" fillId="0" borderId="10" xfId="0" applyNumberFormat="1" applyFont="1" applyBorder="1" applyAlignment="1">
      <alignment horizontal="center" vertical="center" wrapText="1"/>
    </xf>
    <xf numFmtId="1" fontId="1" fillId="0" borderId="4" xfId="0" applyNumberFormat="1" applyFont="1" applyBorder="1" applyAlignment="1">
      <alignment horizontal="center" vertical="center" wrapText="1"/>
    </xf>
    <xf numFmtId="1" fontId="1" fillId="0" borderId="8" xfId="0" applyNumberFormat="1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1" fontId="1" fillId="0" borderId="3" xfId="0" applyNumberFormat="1" applyFont="1" applyBorder="1" applyAlignment="1">
      <alignment horizontal="center" vertical="center" wrapText="1"/>
    </xf>
    <xf numFmtId="1" fontId="1" fillId="0" borderId="7" xfId="0" applyNumberFormat="1" applyFont="1" applyBorder="1" applyAlignment="1">
      <alignment horizontal="center" vertical="center" wrapText="1"/>
    </xf>
    <xf numFmtId="2" fontId="1" fillId="0" borderId="3" xfId="0" applyNumberFormat="1" applyFont="1" applyBorder="1" applyAlignment="1">
      <alignment horizontal="center" vertical="center" wrapText="1"/>
    </xf>
    <xf numFmtId="0" fontId="1" fillId="0" borderId="3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>
      <alignment horizontal="center" vertical="center" wrapText="1"/>
    </xf>
    <xf numFmtId="0" fontId="8" fillId="0" borderId="0" xfId="1" applyFont="1" applyAlignment="1">
      <alignment horizontal="center"/>
    </xf>
    <xf numFmtId="0" fontId="9" fillId="0" borderId="0" xfId="1" applyFont="1" applyAlignment="1">
      <alignment horizontal="center" vertical="center" wrapText="1"/>
    </xf>
    <xf numFmtId="0" fontId="5" fillId="0" borderId="0" xfId="0" applyFont="1" applyAlignment="1">
      <alignment horizontal="left"/>
    </xf>
    <xf numFmtId="0" fontId="5" fillId="0" borderId="0" xfId="0" applyFont="1" applyBorder="1" applyAlignment="1">
      <alignment horizontal="right"/>
    </xf>
    <xf numFmtId="0" fontId="6" fillId="0" borderId="0" xfId="0" applyFont="1" applyBorder="1" applyAlignment="1">
      <alignment horizontal="left" wrapText="1"/>
    </xf>
    <xf numFmtId="0" fontId="6" fillId="0" borderId="0" xfId="0" applyFont="1" applyAlignment="1">
      <alignment horizontal="left" wrapText="1"/>
    </xf>
    <xf numFmtId="0" fontId="8" fillId="0" borderId="0" xfId="1" applyFont="1" applyAlignment="1">
      <alignment horizontal="center" wrapText="1"/>
    </xf>
    <xf numFmtId="0" fontId="1" fillId="2" borderId="11" xfId="0" applyFont="1" applyFill="1" applyBorder="1"/>
    <xf numFmtId="0" fontId="1" fillId="2" borderId="3" xfId="0" applyFont="1" applyFill="1" applyBorder="1"/>
    <xf numFmtId="0" fontId="1" fillId="2" borderId="12" xfId="0" applyFont="1" applyFill="1" applyBorder="1"/>
    <xf numFmtId="0" fontId="1" fillId="3" borderId="11" xfId="0" applyFont="1" applyFill="1" applyBorder="1"/>
    <xf numFmtId="0" fontId="1" fillId="3" borderId="3" xfId="0" applyFont="1" applyFill="1" applyBorder="1"/>
    <xf numFmtId="0" fontId="1" fillId="3" borderId="12" xfId="0" applyFont="1" applyFill="1" applyBorder="1"/>
  </cellXfs>
  <cellStyles count="2">
    <cellStyle name="Обычный" xfId="0" builtinId="0"/>
    <cellStyle name="Обычный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H166"/>
  <sheetViews>
    <sheetView view="pageBreakPreview" topLeftCell="A130" zoomScaleNormal="100" zoomScaleSheetLayoutView="100" workbookViewId="0">
      <selection activeCell="A118" sqref="A118:H118"/>
    </sheetView>
  </sheetViews>
  <sheetFormatPr defaultRowHeight="12.75" x14ac:dyDescent="0.2"/>
  <cols>
    <col min="1" max="1" width="11" customWidth="1"/>
    <col min="2" max="2" width="41.7109375" style="9" customWidth="1"/>
    <col min="3" max="3" width="10.7109375" style="21" customWidth="1"/>
    <col min="4" max="6" width="10.7109375" style="27" customWidth="1"/>
    <col min="7" max="7" width="17" customWidth="1"/>
    <col min="8" max="8" width="15.7109375" customWidth="1"/>
    <col min="9" max="11" width="7.7109375" customWidth="1"/>
  </cols>
  <sheetData>
    <row r="2" spans="1:8" s="2" customFormat="1" ht="15" x14ac:dyDescent="0.2">
      <c r="A2" s="3"/>
      <c r="B2" s="69" t="s">
        <v>117</v>
      </c>
      <c r="C2" s="69"/>
      <c r="D2" s="69"/>
      <c r="E2" s="69"/>
      <c r="F2" s="69"/>
      <c r="G2" s="69"/>
      <c r="H2" s="5"/>
    </row>
    <row r="3" spans="1:8" s="2" customFormat="1" x14ac:dyDescent="0.2">
      <c r="A3" s="1"/>
      <c r="C3" s="4"/>
      <c r="D3" s="22"/>
      <c r="E3" s="22"/>
      <c r="F3" s="22"/>
      <c r="G3" s="5"/>
      <c r="H3" s="5"/>
    </row>
    <row r="4" spans="1:8" s="2" customFormat="1" ht="24" x14ac:dyDescent="0.2">
      <c r="A4" s="37" t="s">
        <v>7</v>
      </c>
      <c r="B4" s="2" t="s">
        <v>119</v>
      </c>
      <c r="C4" s="4"/>
      <c r="D4" s="22"/>
      <c r="E4" s="22"/>
      <c r="F4" s="22"/>
      <c r="G4" s="5"/>
      <c r="H4" s="5"/>
    </row>
    <row r="5" spans="1:8" s="2" customFormat="1" ht="13.5" thickBot="1" x14ac:dyDescent="0.25">
      <c r="A5" s="3"/>
      <c r="C5" s="4"/>
      <c r="D5" s="22"/>
      <c r="E5" s="22"/>
      <c r="F5" s="22"/>
      <c r="G5" s="5"/>
      <c r="H5" s="5"/>
    </row>
    <row r="6" spans="1:8" s="6" customFormat="1" ht="33" customHeight="1" x14ac:dyDescent="0.2">
      <c r="A6" s="72" t="s">
        <v>0</v>
      </c>
      <c r="B6" s="74" t="s">
        <v>1</v>
      </c>
      <c r="C6" s="76" t="s">
        <v>6</v>
      </c>
      <c r="D6" s="78" t="s">
        <v>8</v>
      </c>
      <c r="E6" s="78"/>
      <c r="F6" s="78"/>
      <c r="G6" s="79" t="s">
        <v>9</v>
      </c>
      <c r="H6" s="70" t="s">
        <v>5</v>
      </c>
    </row>
    <row r="7" spans="1:8" s="7" customFormat="1" ht="13.5" thickBot="1" x14ac:dyDescent="0.25">
      <c r="A7" s="73"/>
      <c r="B7" s="75"/>
      <c r="C7" s="77"/>
      <c r="D7" s="23" t="s">
        <v>2</v>
      </c>
      <c r="E7" s="23" t="s">
        <v>3</v>
      </c>
      <c r="F7" s="23" t="s">
        <v>4</v>
      </c>
      <c r="G7" s="80"/>
      <c r="H7" s="71"/>
    </row>
    <row r="8" spans="1:8" s="8" customFormat="1" x14ac:dyDescent="0.2">
      <c r="A8" s="88" t="s">
        <v>10</v>
      </c>
      <c r="B8" s="89"/>
      <c r="C8" s="89"/>
      <c r="D8" s="89"/>
      <c r="E8" s="89"/>
      <c r="F8" s="89"/>
      <c r="G8" s="89"/>
      <c r="H8" s="90"/>
    </row>
    <row r="9" spans="1:8" s="8" customFormat="1" x14ac:dyDescent="0.2">
      <c r="A9" s="10" t="s">
        <v>11</v>
      </c>
      <c r="B9" s="11" t="s">
        <v>148</v>
      </c>
      <c r="C9" s="18">
        <v>250</v>
      </c>
      <c r="D9" s="24">
        <v>9.75</v>
      </c>
      <c r="E9" s="24">
        <v>11.83</v>
      </c>
      <c r="F9" s="24">
        <v>44.75</v>
      </c>
      <c r="G9" s="12">
        <v>354.5</v>
      </c>
      <c r="H9" s="53">
        <v>267</v>
      </c>
    </row>
    <row r="10" spans="1:8" s="8" customFormat="1" x14ac:dyDescent="0.2">
      <c r="A10" s="10" t="s">
        <v>11</v>
      </c>
      <c r="B10" s="11" t="s">
        <v>149</v>
      </c>
      <c r="C10" s="18">
        <v>200</v>
      </c>
      <c r="D10" s="24">
        <v>1.5</v>
      </c>
      <c r="E10" s="24">
        <v>1.3</v>
      </c>
      <c r="F10" s="24">
        <v>15.9</v>
      </c>
      <c r="G10" s="12">
        <v>81</v>
      </c>
      <c r="H10" s="53" t="s">
        <v>150</v>
      </c>
    </row>
    <row r="11" spans="1:8" s="8" customFormat="1" x14ac:dyDescent="0.2">
      <c r="A11" s="10" t="s">
        <v>11</v>
      </c>
      <c r="B11" s="11" t="s">
        <v>15</v>
      </c>
      <c r="C11" s="48">
        <v>60</v>
      </c>
      <c r="D11" s="49">
        <v>4.0999999999999996</v>
      </c>
      <c r="E11" s="49">
        <v>3.3</v>
      </c>
      <c r="F11" s="49">
        <v>11</v>
      </c>
      <c r="G11" s="50">
        <v>88</v>
      </c>
      <c r="H11" s="53">
        <v>1118</v>
      </c>
    </row>
    <row r="12" spans="1:8" s="8" customFormat="1" x14ac:dyDescent="0.2">
      <c r="A12" s="10" t="s">
        <v>11</v>
      </c>
      <c r="B12" s="11" t="s">
        <v>17</v>
      </c>
      <c r="C12" s="18" t="s">
        <v>18</v>
      </c>
      <c r="D12" s="24">
        <v>2.64</v>
      </c>
      <c r="E12" s="24">
        <v>0.48</v>
      </c>
      <c r="F12" s="24">
        <v>13.36</v>
      </c>
      <c r="G12" s="12">
        <v>69.599999999999994</v>
      </c>
      <c r="H12" s="53" t="s">
        <v>16</v>
      </c>
    </row>
    <row r="13" spans="1:8" s="8" customFormat="1" x14ac:dyDescent="0.2">
      <c r="A13" s="60" t="s">
        <v>21</v>
      </c>
      <c r="B13" s="61"/>
      <c r="C13" s="19">
        <v>550</v>
      </c>
      <c r="D13" s="25">
        <v>17.989999999999998</v>
      </c>
      <c r="E13" s="25">
        <v>16.91</v>
      </c>
      <c r="F13" s="25">
        <v>85.01</v>
      </c>
      <c r="G13" s="14">
        <v>593.1</v>
      </c>
      <c r="H13" s="15"/>
    </row>
    <row r="14" spans="1:8" s="8" customFormat="1" ht="25.5" x14ac:dyDescent="0.2">
      <c r="A14" s="10" t="s">
        <v>22</v>
      </c>
      <c r="B14" s="11" t="s">
        <v>88</v>
      </c>
      <c r="C14" s="18">
        <v>100</v>
      </c>
      <c r="D14" s="24">
        <v>0.55000000000000004</v>
      </c>
      <c r="E14" s="24">
        <v>10.17</v>
      </c>
      <c r="F14" s="24">
        <v>3.85</v>
      </c>
      <c r="G14" s="12">
        <v>108.13</v>
      </c>
      <c r="H14" s="53" t="s">
        <v>87</v>
      </c>
    </row>
    <row r="15" spans="1:8" s="8" customFormat="1" x14ac:dyDescent="0.2">
      <c r="A15" s="10" t="s">
        <v>22</v>
      </c>
      <c r="B15" s="11" t="s">
        <v>55</v>
      </c>
      <c r="C15" s="18">
        <v>250</v>
      </c>
      <c r="D15" s="24">
        <v>1.65</v>
      </c>
      <c r="E15" s="24">
        <v>5.17</v>
      </c>
      <c r="F15" s="24">
        <v>11.9</v>
      </c>
      <c r="G15" s="12">
        <v>100.7</v>
      </c>
      <c r="H15" s="53">
        <v>128</v>
      </c>
    </row>
    <row r="16" spans="1:8" s="8" customFormat="1" x14ac:dyDescent="0.2">
      <c r="A16" s="10" t="s">
        <v>22</v>
      </c>
      <c r="B16" s="11" t="s">
        <v>151</v>
      </c>
      <c r="C16" s="18">
        <v>100</v>
      </c>
      <c r="D16" s="24">
        <v>12.47</v>
      </c>
      <c r="E16" s="24">
        <v>16.29</v>
      </c>
      <c r="F16" s="24">
        <v>0.57999999999999996</v>
      </c>
      <c r="G16" s="12">
        <v>131.76</v>
      </c>
      <c r="H16" s="53">
        <v>404</v>
      </c>
    </row>
    <row r="17" spans="1:8" s="8" customFormat="1" x14ac:dyDescent="0.2">
      <c r="A17" s="10" t="s">
        <v>22</v>
      </c>
      <c r="B17" s="11" t="s">
        <v>27</v>
      </c>
      <c r="C17" s="18" t="s">
        <v>115</v>
      </c>
      <c r="D17" s="24">
        <v>6.44</v>
      </c>
      <c r="E17" s="24">
        <v>4.3600000000000003</v>
      </c>
      <c r="F17" s="24">
        <v>1.33</v>
      </c>
      <c r="G17" s="12">
        <v>240.17</v>
      </c>
      <c r="H17" s="53">
        <v>291</v>
      </c>
    </row>
    <row r="18" spans="1:8" s="8" customFormat="1" x14ac:dyDescent="0.2">
      <c r="A18" s="10" t="s">
        <v>22</v>
      </c>
      <c r="B18" s="11" t="s">
        <v>32</v>
      </c>
      <c r="C18" s="18">
        <v>40</v>
      </c>
      <c r="D18" s="24">
        <v>3.04</v>
      </c>
      <c r="E18" s="24">
        <v>0.32</v>
      </c>
      <c r="F18" s="24">
        <v>19.68</v>
      </c>
      <c r="G18" s="12">
        <v>94</v>
      </c>
      <c r="H18" s="53" t="s">
        <v>31</v>
      </c>
    </row>
    <row r="19" spans="1:8" s="8" customFormat="1" x14ac:dyDescent="0.2">
      <c r="A19" s="10" t="s">
        <v>22</v>
      </c>
      <c r="B19" s="11" t="s">
        <v>153</v>
      </c>
      <c r="C19" s="18">
        <v>40</v>
      </c>
      <c r="D19" s="24">
        <v>2.64</v>
      </c>
      <c r="E19" s="24">
        <v>0.48</v>
      </c>
      <c r="F19" s="24">
        <v>13.36</v>
      </c>
      <c r="G19" s="12">
        <v>69.599999999999994</v>
      </c>
      <c r="H19" s="53">
        <v>109</v>
      </c>
    </row>
    <row r="20" spans="1:8" s="8" customFormat="1" x14ac:dyDescent="0.2">
      <c r="A20" s="10" t="s">
        <v>22</v>
      </c>
      <c r="B20" s="11" t="s">
        <v>152</v>
      </c>
      <c r="C20" s="18" t="s">
        <v>13</v>
      </c>
      <c r="D20" s="24">
        <v>1.4</v>
      </c>
      <c r="E20" s="24">
        <v>0</v>
      </c>
      <c r="F20" s="24">
        <v>29</v>
      </c>
      <c r="G20" s="12">
        <v>122</v>
      </c>
      <c r="H20" s="53">
        <v>617</v>
      </c>
    </row>
    <row r="21" spans="1:8" s="8" customFormat="1" x14ac:dyDescent="0.2">
      <c r="A21" s="60" t="s">
        <v>21</v>
      </c>
      <c r="B21" s="61"/>
      <c r="C21" s="19">
        <v>910</v>
      </c>
      <c r="D21" s="25">
        <v>28.19</v>
      </c>
      <c r="E21" s="25">
        <v>36.79</v>
      </c>
      <c r="F21" s="25">
        <v>79.7</v>
      </c>
      <c r="G21" s="14">
        <v>866.36</v>
      </c>
      <c r="H21" s="15"/>
    </row>
    <row r="22" spans="1:8" s="8" customFormat="1" ht="13.5" thickBot="1" x14ac:dyDescent="0.25">
      <c r="A22" s="64" t="s">
        <v>34</v>
      </c>
      <c r="B22" s="65"/>
      <c r="C22" s="20">
        <v>1460</v>
      </c>
      <c r="D22" s="26">
        <v>46.18</v>
      </c>
      <c r="E22" s="26">
        <v>53.7</v>
      </c>
      <c r="F22" s="26">
        <v>164.71</v>
      </c>
      <c r="G22" s="16">
        <v>1459.46</v>
      </c>
      <c r="H22" s="17"/>
    </row>
    <row r="23" spans="1:8" s="8" customFormat="1" x14ac:dyDescent="0.2">
      <c r="A23" s="88" t="s">
        <v>35</v>
      </c>
      <c r="B23" s="89"/>
      <c r="C23" s="89"/>
      <c r="D23" s="89"/>
      <c r="E23" s="89"/>
      <c r="F23" s="89"/>
      <c r="G23" s="89"/>
      <c r="H23" s="90"/>
    </row>
    <row r="24" spans="1:8" x14ac:dyDescent="0.2">
      <c r="A24" s="10" t="s">
        <v>11</v>
      </c>
      <c r="B24" s="11" t="s">
        <v>133</v>
      </c>
      <c r="C24" s="18">
        <v>115</v>
      </c>
      <c r="D24" s="24">
        <v>6.61</v>
      </c>
      <c r="E24" s="24">
        <v>4.2300000000000004</v>
      </c>
      <c r="F24" s="24">
        <v>11.24</v>
      </c>
      <c r="G24" s="12">
        <v>115.06</v>
      </c>
      <c r="H24" s="53">
        <v>517</v>
      </c>
    </row>
    <row r="25" spans="1:8" x14ac:dyDescent="0.2">
      <c r="A25" s="10" t="s">
        <v>11</v>
      </c>
      <c r="B25" s="11" t="s">
        <v>134</v>
      </c>
      <c r="C25" s="18">
        <v>200</v>
      </c>
      <c r="D25" s="24">
        <v>5.54</v>
      </c>
      <c r="E25" s="24">
        <v>8.6199999999999992</v>
      </c>
      <c r="F25" s="24">
        <v>32.4</v>
      </c>
      <c r="G25" s="12">
        <v>229.4</v>
      </c>
      <c r="H25" s="53">
        <v>268</v>
      </c>
    </row>
    <row r="26" spans="1:8" x14ac:dyDescent="0.2">
      <c r="A26" s="10" t="s">
        <v>11</v>
      </c>
      <c r="B26" s="11" t="s">
        <v>135</v>
      </c>
      <c r="C26" s="18">
        <v>20</v>
      </c>
      <c r="D26" s="24">
        <v>5.2</v>
      </c>
      <c r="E26" s="24">
        <v>5.3</v>
      </c>
      <c r="F26" s="24">
        <v>0.7</v>
      </c>
      <c r="G26" s="12">
        <v>71.12</v>
      </c>
      <c r="H26" s="53">
        <v>100</v>
      </c>
    </row>
    <row r="27" spans="1:8" x14ac:dyDescent="0.2">
      <c r="A27" s="10" t="s">
        <v>11</v>
      </c>
      <c r="B27" s="11" t="s">
        <v>136</v>
      </c>
      <c r="C27" s="18">
        <v>200</v>
      </c>
      <c r="D27" s="24">
        <v>0.4</v>
      </c>
      <c r="E27" s="24">
        <v>0</v>
      </c>
      <c r="F27" s="24">
        <v>20</v>
      </c>
      <c r="G27" s="12">
        <v>80</v>
      </c>
      <c r="H27" s="53">
        <v>616</v>
      </c>
    </row>
    <row r="28" spans="1:8" x14ac:dyDescent="0.2">
      <c r="A28" s="10" t="s">
        <v>11</v>
      </c>
      <c r="B28" s="11" t="s">
        <v>40</v>
      </c>
      <c r="C28" s="18">
        <v>20</v>
      </c>
      <c r="D28" s="24">
        <v>1.5</v>
      </c>
      <c r="E28" s="24">
        <v>0.57999999999999996</v>
      </c>
      <c r="F28" s="24">
        <v>10.28</v>
      </c>
      <c r="G28" s="12">
        <v>52.4</v>
      </c>
      <c r="H28" s="53">
        <v>111</v>
      </c>
    </row>
    <row r="29" spans="1:8" s="8" customFormat="1" x14ac:dyDescent="0.2">
      <c r="A29" s="60" t="s">
        <v>21</v>
      </c>
      <c r="B29" s="61"/>
      <c r="C29" s="19">
        <v>555</v>
      </c>
      <c r="D29" s="25">
        <v>19.25</v>
      </c>
      <c r="E29" s="25">
        <v>18.73</v>
      </c>
      <c r="F29" s="25">
        <v>74.62</v>
      </c>
      <c r="G29" s="14">
        <v>547.98</v>
      </c>
      <c r="H29" s="15"/>
    </row>
    <row r="30" spans="1:8" x14ac:dyDescent="0.2">
      <c r="A30" s="10" t="s">
        <v>22</v>
      </c>
      <c r="B30" s="11" t="s">
        <v>42</v>
      </c>
      <c r="C30" s="18">
        <v>100</v>
      </c>
      <c r="D30" s="24">
        <v>0.8</v>
      </c>
      <c r="E30" s="24">
        <v>0.1</v>
      </c>
      <c r="F30" s="24">
        <v>2.5</v>
      </c>
      <c r="G30" s="12">
        <v>14</v>
      </c>
      <c r="H30" s="53">
        <v>107</v>
      </c>
    </row>
    <row r="31" spans="1:8" x14ac:dyDescent="0.2">
      <c r="A31" s="10" t="s">
        <v>22</v>
      </c>
      <c r="B31" s="11" t="s">
        <v>137</v>
      </c>
      <c r="C31" s="18">
        <v>250</v>
      </c>
      <c r="D31" s="24">
        <v>2.0699999999999998</v>
      </c>
      <c r="E31" s="24">
        <v>5.2</v>
      </c>
      <c r="F31" s="24">
        <v>14.8</v>
      </c>
      <c r="G31" s="12">
        <v>106.25</v>
      </c>
      <c r="H31" s="53">
        <v>132</v>
      </c>
    </row>
    <row r="32" spans="1:8" x14ac:dyDescent="0.2">
      <c r="A32" s="10" t="s">
        <v>22</v>
      </c>
      <c r="B32" s="11" t="s">
        <v>44</v>
      </c>
      <c r="C32" s="18">
        <v>180</v>
      </c>
      <c r="D32" s="24">
        <v>2.63</v>
      </c>
      <c r="E32" s="24">
        <v>3.75</v>
      </c>
      <c r="F32" s="24">
        <v>10.4</v>
      </c>
      <c r="G32" s="12">
        <v>179.6</v>
      </c>
      <c r="H32" s="53">
        <v>174</v>
      </c>
    </row>
    <row r="33" spans="1:8" x14ac:dyDescent="0.2">
      <c r="A33" s="10" t="s">
        <v>22</v>
      </c>
      <c r="B33" s="11" t="s">
        <v>138</v>
      </c>
      <c r="C33" s="18">
        <v>110</v>
      </c>
      <c r="D33" s="24">
        <v>14.7</v>
      </c>
      <c r="E33" s="24">
        <v>11.14</v>
      </c>
      <c r="F33" s="24">
        <v>5.8</v>
      </c>
      <c r="G33" s="12">
        <v>181.06</v>
      </c>
      <c r="H33" s="53">
        <v>334</v>
      </c>
    </row>
    <row r="34" spans="1:8" x14ac:dyDescent="0.2">
      <c r="A34" s="10" t="s">
        <v>22</v>
      </c>
      <c r="B34" s="11" t="s">
        <v>139</v>
      </c>
      <c r="C34" s="18" t="s">
        <v>13</v>
      </c>
      <c r="D34" s="24">
        <v>0.5</v>
      </c>
      <c r="E34" s="24">
        <v>0</v>
      </c>
      <c r="F34" s="24">
        <v>27</v>
      </c>
      <c r="G34" s="12">
        <v>110</v>
      </c>
      <c r="H34" s="53">
        <v>508</v>
      </c>
    </row>
    <row r="35" spans="1:8" x14ac:dyDescent="0.2">
      <c r="A35" s="10" t="s">
        <v>22</v>
      </c>
      <c r="B35" s="11" t="s">
        <v>17</v>
      </c>
      <c r="C35" s="18" t="s">
        <v>18</v>
      </c>
      <c r="D35" s="24">
        <v>2.64</v>
      </c>
      <c r="E35" s="24">
        <v>0.48</v>
      </c>
      <c r="F35" s="24">
        <v>13.36</v>
      </c>
      <c r="G35" s="12">
        <v>69.599999999999994</v>
      </c>
      <c r="H35" s="53" t="s">
        <v>16</v>
      </c>
    </row>
    <row r="36" spans="1:8" x14ac:dyDescent="0.2">
      <c r="A36" s="10" t="s">
        <v>22</v>
      </c>
      <c r="B36" s="11" t="s">
        <v>32</v>
      </c>
      <c r="C36" s="18">
        <v>40</v>
      </c>
      <c r="D36" s="24">
        <v>1.52</v>
      </c>
      <c r="E36" s="24">
        <v>0.32</v>
      </c>
      <c r="F36" s="24">
        <v>19.68</v>
      </c>
      <c r="G36" s="12">
        <v>94</v>
      </c>
      <c r="H36" s="53" t="s">
        <v>31</v>
      </c>
    </row>
    <row r="37" spans="1:8" s="8" customFormat="1" x14ac:dyDescent="0.2">
      <c r="A37" s="60" t="s">
        <v>21</v>
      </c>
      <c r="B37" s="61"/>
      <c r="C37" s="19">
        <v>920</v>
      </c>
      <c r="D37" s="25">
        <v>24.86</v>
      </c>
      <c r="E37" s="25">
        <v>20.99</v>
      </c>
      <c r="F37" s="25">
        <v>91.54</v>
      </c>
      <c r="G37" s="14">
        <v>754.51</v>
      </c>
      <c r="H37" s="15"/>
    </row>
    <row r="38" spans="1:8" s="8" customFormat="1" ht="13.5" thickBot="1" x14ac:dyDescent="0.25">
      <c r="A38" s="64" t="s">
        <v>34</v>
      </c>
      <c r="B38" s="65"/>
      <c r="C38" s="20">
        <v>1475</v>
      </c>
      <c r="D38" s="26">
        <v>44.11</v>
      </c>
      <c r="E38" s="26">
        <v>39.72</v>
      </c>
      <c r="F38" s="26">
        <v>166.16</v>
      </c>
      <c r="G38" s="16">
        <v>1302.49</v>
      </c>
      <c r="H38" s="17"/>
    </row>
    <row r="39" spans="1:8" s="8" customFormat="1" x14ac:dyDescent="0.2">
      <c r="A39" s="66" t="s">
        <v>89</v>
      </c>
      <c r="B39" s="67"/>
      <c r="C39" s="67"/>
      <c r="D39" s="67"/>
      <c r="E39" s="67"/>
      <c r="F39" s="67"/>
      <c r="G39" s="67"/>
      <c r="H39" s="68"/>
    </row>
    <row r="40" spans="1:8" x14ac:dyDescent="0.2">
      <c r="A40" s="10" t="s">
        <v>11</v>
      </c>
      <c r="B40" s="11" t="s">
        <v>47</v>
      </c>
      <c r="C40" s="18" t="s">
        <v>114</v>
      </c>
      <c r="D40" s="24">
        <v>10.5</v>
      </c>
      <c r="E40" s="24">
        <v>7.85</v>
      </c>
      <c r="F40" s="24">
        <v>28.28</v>
      </c>
      <c r="G40" s="12">
        <v>295.97000000000003</v>
      </c>
      <c r="H40" s="53" t="s">
        <v>46</v>
      </c>
    </row>
    <row r="41" spans="1:8" x14ac:dyDescent="0.2">
      <c r="A41" s="10" t="s">
        <v>11</v>
      </c>
      <c r="B41" s="11" t="s">
        <v>49</v>
      </c>
      <c r="C41" s="18" t="s">
        <v>13</v>
      </c>
      <c r="D41" s="24">
        <v>4.12</v>
      </c>
      <c r="E41" s="24">
        <v>3.24</v>
      </c>
      <c r="F41" s="24">
        <v>25.26</v>
      </c>
      <c r="G41" s="12">
        <v>144.26</v>
      </c>
      <c r="H41" s="53" t="s">
        <v>48</v>
      </c>
    </row>
    <row r="42" spans="1:8" x14ac:dyDescent="0.2">
      <c r="A42" s="10" t="s">
        <v>11</v>
      </c>
      <c r="B42" s="11" t="s">
        <v>15</v>
      </c>
      <c r="C42" s="48">
        <v>60</v>
      </c>
      <c r="D42" s="49">
        <v>4.0999999999999996</v>
      </c>
      <c r="E42" s="49">
        <v>3.3</v>
      </c>
      <c r="F42" s="49">
        <v>11</v>
      </c>
      <c r="G42" s="50">
        <v>88</v>
      </c>
      <c r="H42" s="51">
        <v>1118</v>
      </c>
    </row>
    <row r="43" spans="1:8" x14ac:dyDescent="0.2">
      <c r="A43" s="10" t="s">
        <v>11</v>
      </c>
      <c r="B43" s="11" t="s">
        <v>17</v>
      </c>
      <c r="C43" s="18" t="s">
        <v>18</v>
      </c>
      <c r="D43" s="24">
        <v>2.64</v>
      </c>
      <c r="E43" s="24">
        <v>0.48</v>
      </c>
      <c r="F43" s="24">
        <v>13.36</v>
      </c>
      <c r="G43" s="12">
        <v>69.599999999999994</v>
      </c>
      <c r="H43" s="53" t="s">
        <v>16</v>
      </c>
    </row>
    <row r="44" spans="1:8" x14ac:dyDescent="0.2">
      <c r="A44" s="10" t="s">
        <v>11</v>
      </c>
      <c r="B44" s="11" t="s">
        <v>51</v>
      </c>
      <c r="C44" s="18">
        <v>100</v>
      </c>
      <c r="D44" s="24">
        <v>0.4</v>
      </c>
      <c r="E44" s="24">
        <v>0.4</v>
      </c>
      <c r="F44" s="24">
        <v>9.8000000000000007</v>
      </c>
      <c r="G44" s="12">
        <v>47</v>
      </c>
      <c r="H44" s="53" t="s">
        <v>50</v>
      </c>
    </row>
    <row r="45" spans="1:8" s="8" customFormat="1" x14ac:dyDescent="0.2">
      <c r="A45" s="60" t="s">
        <v>21</v>
      </c>
      <c r="B45" s="61"/>
      <c r="C45" s="19">
        <v>650</v>
      </c>
      <c r="D45" s="25">
        <v>21.76</v>
      </c>
      <c r="E45" s="25">
        <v>15.27</v>
      </c>
      <c r="F45" s="25">
        <v>87.7</v>
      </c>
      <c r="G45" s="14">
        <v>644.83000000000004</v>
      </c>
      <c r="H45" s="54"/>
    </row>
    <row r="46" spans="1:8" x14ac:dyDescent="0.2">
      <c r="A46" s="10" t="s">
        <v>22</v>
      </c>
      <c r="B46" s="11" t="s">
        <v>53</v>
      </c>
      <c r="C46" s="18" t="s">
        <v>30</v>
      </c>
      <c r="D46" s="24">
        <v>2.52</v>
      </c>
      <c r="E46" s="24">
        <v>10.14</v>
      </c>
      <c r="F46" s="24">
        <v>10.38</v>
      </c>
      <c r="G46" s="12">
        <v>143.87</v>
      </c>
      <c r="H46" s="53" t="s">
        <v>52</v>
      </c>
    </row>
    <row r="47" spans="1:8" x14ac:dyDescent="0.2">
      <c r="A47" s="10" t="s">
        <v>22</v>
      </c>
      <c r="B47" s="11" t="s">
        <v>55</v>
      </c>
      <c r="C47" s="18" t="s">
        <v>114</v>
      </c>
      <c r="D47" s="24">
        <v>2.4</v>
      </c>
      <c r="E47" s="24">
        <v>6.47</v>
      </c>
      <c r="F47" s="24">
        <v>11.8</v>
      </c>
      <c r="G47" s="12">
        <v>115.87</v>
      </c>
      <c r="H47" s="53" t="s">
        <v>54</v>
      </c>
    </row>
    <row r="48" spans="1:8" x14ac:dyDescent="0.2">
      <c r="A48" s="10" t="s">
        <v>22</v>
      </c>
      <c r="B48" s="11" t="s">
        <v>57</v>
      </c>
      <c r="C48" s="18">
        <v>180</v>
      </c>
      <c r="D48" s="24">
        <v>4.5199999999999996</v>
      </c>
      <c r="E48" s="24">
        <v>3.6</v>
      </c>
      <c r="F48" s="24">
        <v>47.14</v>
      </c>
      <c r="G48" s="12">
        <v>238.97</v>
      </c>
      <c r="H48" s="53" t="s">
        <v>56</v>
      </c>
    </row>
    <row r="49" spans="1:8" x14ac:dyDescent="0.2">
      <c r="A49" s="10" t="s">
        <v>22</v>
      </c>
      <c r="B49" s="11" t="s">
        <v>58</v>
      </c>
      <c r="C49" s="18" t="s">
        <v>30</v>
      </c>
      <c r="D49" s="24">
        <v>15</v>
      </c>
      <c r="E49" s="24">
        <v>10.71</v>
      </c>
      <c r="F49" s="24">
        <v>20.399999999999999</v>
      </c>
      <c r="G49" s="12">
        <v>188.57</v>
      </c>
      <c r="H49" s="53">
        <v>412</v>
      </c>
    </row>
    <row r="50" spans="1:8" x14ac:dyDescent="0.2">
      <c r="A50" s="10" t="s">
        <v>22</v>
      </c>
      <c r="B50" s="11" t="s">
        <v>140</v>
      </c>
      <c r="C50" s="18" t="s">
        <v>13</v>
      </c>
      <c r="D50" s="24">
        <v>0.3</v>
      </c>
      <c r="E50" s="24">
        <v>0.2</v>
      </c>
      <c r="F50" s="24">
        <v>25.1</v>
      </c>
      <c r="G50" s="12">
        <v>103</v>
      </c>
      <c r="H50" s="53">
        <v>509</v>
      </c>
    </row>
    <row r="51" spans="1:8" x14ac:dyDescent="0.2">
      <c r="A51" s="10" t="s">
        <v>22</v>
      </c>
      <c r="B51" s="11" t="s">
        <v>32</v>
      </c>
      <c r="C51" s="18">
        <v>40</v>
      </c>
      <c r="D51" s="24">
        <v>1.52</v>
      </c>
      <c r="E51" s="24">
        <v>0.32</v>
      </c>
      <c r="F51" s="24">
        <v>19.68</v>
      </c>
      <c r="G51" s="12">
        <v>94</v>
      </c>
      <c r="H51" s="53" t="s">
        <v>31</v>
      </c>
    </row>
    <row r="52" spans="1:8" x14ac:dyDescent="0.2">
      <c r="A52" s="10" t="s">
        <v>22</v>
      </c>
      <c r="B52" s="11" t="s">
        <v>17</v>
      </c>
      <c r="C52" s="18" t="s">
        <v>18</v>
      </c>
      <c r="D52" s="24">
        <v>2.64</v>
      </c>
      <c r="E52" s="24">
        <v>0.48</v>
      </c>
      <c r="F52" s="24">
        <v>13.36</v>
      </c>
      <c r="G52" s="12">
        <v>69.599999999999994</v>
      </c>
      <c r="H52" s="53" t="s">
        <v>16</v>
      </c>
    </row>
    <row r="53" spans="1:8" s="8" customFormat="1" x14ac:dyDescent="0.2">
      <c r="A53" s="60" t="s">
        <v>21</v>
      </c>
      <c r="B53" s="61"/>
      <c r="C53" s="19">
        <v>910</v>
      </c>
      <c r="D53" s="25">
        <v>28.9</v>
      </c>
      <c r="E53" s="25">
        <v>31.92</v>
      </c>
      <c r="F53" s="25">
        <v>147.86000000000001</v>
      </c>
      <c r="G53" s="14">
        <v>983.88</v>
      </c>
      <c r="H53" s="54"/>
    </row>
    <row r="54" spans="1:8" s="8" customFormat="1" ht="13.5" thickBot="1" x14ac:dyDescent="0.25">
      <c r="A54" s="64" t="s">
        <v>34</v>
      </c>
      <c r="B54" s="65"/>
      <c r="C54" s="20">
        <v>1560</v>
      </c>
      <c r="D54" s="26">
        <v>50.66</v>
      </c>
      <c r="E54" s="26">
        <v>47.19</v>
      </c>
      <c r="F54" s="26">
        <v>235.56</v>
      </c>
      <c r="G54" s="16">
        <v>1628.71</v>
      </c>
      <c r="H54" s="58"/>
    </row>
    <row r="55" spans="1:8" s="8" customFormat="1" x14ac:dyDescent="0.2">
      <c r="A55" s="88" t="s">
        <v>45</v>
      </c>
      <c r="B55" s="89"/>
      <c r="C55" s="89"/>
      <c r="D55" s="89"/>
      <c r="E55" s="89"/>
      <c r="F55" s="89"/>
      <c r="G55" s="89"/>
      <c r="H55" s="90"/>
    </row>
    <row r="56" spans="1:8" x14ac:dyDescent="0.2">
      <c r="A56" s="10" t="s">
        <v>11</v>
      </c>
      <c r="B56" s="11" t="s">
        <v>61</v>
      </c>
      <c r="C56" s="18">
        <v>180</v>
      </c>
      <c r="D56" s="24">
        <v>18.760000000000002</v>
      </c>
      <c r="E56" s="24">
        <v>25.07</v>
      </c>
      <c r="F56" s="24">
        <v>3.54</v>
      </c>
      <c r="G56" s="12">
        <v>315.08999999999997</v>
      </c>
      <c r="H56" s="53" t="s">
        <v>60</v>
      </c>
    </row>
    <row r="57" spans="1:8" x14ac:dyDescent="0.2">
      <c r="A57" s="10" t="s">
        <v>11</v>
      </c>
      <c r="B57" s="11" t="s">
        <v>63</v>
      </c>
      <c r="C57" s="18">
        <v>100</v>
      </c>
      <c r="D57" s="24">
        <v>3.17</v>
      </c>
      <c r="E57" s="24">
        <v>3.27</v>
      </c>
      <c r="F57" s="24">
        <v>6.6</v>
      </c>
      <c r="G57" s="12">
        <v>68.3</v>
      </c>
      <c r="H57" s="53" t="s">
        <v>62</v>
      </c>
    </row>
    <row r="58" spans="1:8" x14ac:dyDescent="0.2">
      <c r="A58" s="10" t="s">
        <v>11</v>
      </c>
      <c r="B58" s="11" t="s">
        <v>37</v>
      </c>
      <c r="C58" s="18" t="s">
        <v>38</v>
      </c>
      <c r="D58" s="24">
        <v>0.05</v>
      </c>
      <c r="E58" s="24">
        <v>8.25</v>
      </c>
      <c r="F58" s="24">
        <v>0.08</v>
      </c>
      <c r="G58" s="12">
        <v>74.8</v>
      </c>
      <c r="H58" s="53" t="s">
        <v>36</v>
      </c>
    </row>
    <row r="59" spans="1:8" x14ac:dyDescent="0.2">
      <c r="A59" s="10" t="s">
        <v>11</v>
      </c>
      <c r="B59" s="11" t="s">
        <v>40</v>
      </c>
      <c r="C59" s="18" t="s">
        <v>33</v>
      </c>
      <c r="D59" s="24">
        <v>3.75</v>
      </c>
      <c r="E59" s="24">
        <v>1.45</v>
      </c>
      <c r="F59" s="24">
        <v>25.7</v>
      </c>
      <c r="G59" s="12">
        <v>131</v>
      </c>
      <c r="H59" s="53" t="s">
        <v>39</v>
      </c>
    </row>
    <row r="60" spans="1:8" x14ac:dyDescent="0.2">
      <c r="A60" s="10" t="s">
        <v>11</v>
      </c>
      <c r="B60" s="11" t="s">
        <v>17</v>
      </c>
      <c r="C60" s="18" t="s">
        <v>18</v>
      </c>
      <c r="D60" s="24">
        <v>2.64</v>
      </c>
      <c r="E60" s="24">
        <v>0.48</v>
      </c>
      <c r="F60" s="24">
        <v>13.36</v>
      </c>
      <c r="G60" s="12">
        <v>69.599999999999994</v>
      </c>
      <c r="H60" s="53" t="s">
        <v>16</v>
      </c>
    </row>
    <row r="61" spans="1:8" x14ac:dyDescent="0.2">
      <c r="A61" s="10" t="s">
        <v>11</v>
      </c>
      <c r="B61" s="11" t="s">
        <v>20</v>
      </c>
      <c r="C61" s="18" t="s">
        <v>13</v>
      </c>
      <c r="D61" s="24">
        <v>0.2</v>
      </c>
      <c r="E61" s="24">
        <v>0</v>
      </c>
      <c r="F61" s="24">
        <v>10.02</v>
      </c>
      <c r="G61" s="12">
        <v>39.82</v>
      </c>
      <c r="H61" s="53">
        <v>493</v>
      </c>
    </row>
    <row r="62" spans="1:8" s="8" customFormat="1" x14ac:dyDescent="0.2">
      <c r="A62" s="60" t="s">
        <v>21</v>
      </c>
      <c r="B62" s="61"/>
      <c r="C62" s="19">
        <v>580</v>
      </c>
      <c r="D62" s="25">
        <v>28.57</v>
      </c>
      <c r="E62" s="25">
        <v>38.520000000000003</v>
      </c>
      <c r="F62" s="25">
        <v>59.3</v>
      </c>
      <c r="G62" s="14">
        <v>698.61</v>
      </c>
      <c r="H62" s="54"/>
    </row>
    <row r="63" spans="1:8" x14ac:dyDescent="0.2">
      <c r="A63" s="10" t="s">
        <v>22</v>
      </c>
      <c r="B63" s="11" t="s">
        <v>142</v>
      </c>
      <c r="C63" s="18">
        <v>100</v>
      </c>
      <c r="D63" s="24">
        <v>1.5</v>
      </c>
      <c r="E63" s="24">
        <v>5.5</v>
      </c>
      <c r="F63" s="24">
        <v>8.4</v>
      </c>
      <c r="G63" s="12">
        <v>89</v>
      </c>
      <c r="H63" s="53">
        <v>50</v>
      </c>
    </row>
    <row r="64" spans="1:8" x14ac:dyDescent="0.2">
      <c r="A64" s="10" t="s">
        <v>22</v>
      </c>
      <c r="B64" s="11" t="s">
        <v>65</v>
      </c>
      <c r="C64" s="18" t="s">
        <v>114</v>
      </c>
      <c r="D64" s="24">
        <v>6.3</v>
      </c>
      <c r="E64" s="24">
        <v>4.42</v>
      </c>
      <c r="F64" s="24">
        <v>19.72</v>
      </c>
      <c r="G64" s="12">
        <v>142.66999999999999</v>
      </c>
      <c r="H64" s="53" t="s">
        <v>64</v>
      </c>
    </row>
    <row r="65" spans="1:8" x14ac:dyDescent="0.2">
      <c r="A65" s="10" t="s">
        <v>22</v>
      </c>
      <c r="B65" s="11" t="s">
        <v>67</v>
      </c>
      <c r="C65" s="18" t="s">
        <v>68</v>
      </c>
      <c r="D65" s="24">
        <v>1.82</v>
      </c>
      <c r="E65" s="24">
        <v>0.19</v>
      </c>
      <c r="F65" s="24">
        <v>11.81</v>
      </c>
      <c r="G65" s="12">
        <v>56.4</v>
      </c>
      <c r="H65" s="53" t="s">
        <v>66</v>
      </c>
    </row>
    <row r="66" spans="1:8" x14ac:dyDescent="0.2">
      <c r="A66" s="10" t="s">
        <v>22</v>
      </c>
      <c r="B66" s="11" t="s">
        <v>70</v>
      </c>
      <c r="C66" s="18" t="s">
        <v>116</v>
      </c>
      <c r="D66" s="24">
        <v>18.2</v>
      </c>
      <c r="E66" s="24">
        <v>41.78</v>
      </c>
      <c r="F66" s="24">
        <v>53.42</v>
      </c>
      <c r="G66" s="12">
        <v>662.98</v>
      </c>
      <c r="H66" s="53" t="s">
        <v>69</v>
      </c>
    </row>
    <row r="67" spans="1:8" x14ac:dyDescent="0.2">
      <c r="A67" s="10" t="s">
        <v>22</v>
      </c>
      <c r="B67" s="11" t="s">
        <v>143</v>
      </c>
      <c r="C67" s="18" t="s">
        <v>13</v>
      </c>
      <c r="D67" s="24">
        <v>0</v>
      </c>
      <c r="E67" s="24">
        <v>0</v>
      </c>
      <c r="F67" s="24">
        <v>18.399999999999999</v>
      </c>
      <c r="G67" s="12">
        <v>74</v>
      </c>
      <c r="H67" s="53">
        <v>617</v>
      </c>
    </row>
    <row r="68" spans="1:8" x14ac:dyDescent="0.2">
      <c r="A68" s="10" t="s">
        <v>22</v>
      </c>
      <c r="B68" s="11" t="s">
        <v>17</v>
      </c>
      <c r="C68" s="18" t="s">
        <v>18</v>
      </c>
      <c r="D68" s="24">
        <v>2.64</v>
      </c>
      <c r="E68" s="24">
        <v>0.48</v>
      </c>
      <c r="F68" s="24">
        <v>13.36</v>
      </c>
      <c r="G68" s="12">
        <v>69.599999999999994</v>
      </c>
      <c r="H68" s="53" t="s">
        <v>16</v>
      </c>
    </row>
    <row r="69" spans="1:8" x14ac:dyDescent="0.2">
      <c r="A69" s="10" t="s">
        <v>22</v>
      </c>
      <c r="B69" s="11" t="s">
        <v>32</v>
      </c>
      <c r="C69" s="18">
        <v>40</v>
      </c>
      <c r="D69" s="24">
        <v>1.52</v>
      </c>
      <c r="E69" s="24">
        <v>0.32</v>
      </c>
      <c r="F69" s="24">
        <v>19.68</v>
      </c>
      <c r="G69" s="12">
        <v>94</v>
      </c>
      <c r="H69" s="53" t="s">
        <v>31</v>
      </c>
    </row>
    <row r="70" spans="1:8" s="8" customFormat="1" x14ac:dyDescent="0.2">
      <c r="A70" s="60" t="s">
        <v>21</v>
      </c>
      <c r="B70" s="61"/>
      <c r="C70" s="19">
        <v>930</v>
      </c>
      <c r="D70" s="25">
        <v>31.98</v>
      </c>
      <c r="E70" s="25">
        <v>52.69</v>
      </c>
      <c r="F70" s="25">
        <v>144.79</v>
      </c>
      <c r="G70" s="14">
        <v>1188.6500000000001</v>
      </c>
      <c r="H70" s="15"/>
    </row>
    <row r="71" spans="1:8" s="8" customFormat="1" ht="13.5" thickBot="1" x14ac:dyDescent="0.25">
      <c r="A71" s="64" t="s">
        <v>34</v>
      </c>
      <c r="B71" s="65"/>
      <c r="C71" s="20">
        <v>1510</v>
      </c>
      <c r="D71" s="26">
        <v>60.55</v>
      </c>
      <c r="E71" s="26">
        <v>91.21</v>
      </c>
      <c r="F71" s="26">
        <v>204.09</v>
      </c>
      <c r="G71" s="16">
        <v>1887.26</v>
      </c>
      <c r="H71" s="17"/>
    </row>
    <row r="72" spans="1:8" s="8" customFormat="1" x14ac:dyDescent="0.2">
      <c r="A72" s="66" t="s">
        <v>80</v>
      </c>
      <c r="B72" s="67"/>
      <c r="C72" s="67"/>
      <c r="D72" s="67"/>
      <c r="E72" s="67"/>
      <c r="F72" s="67"/>
      <c r="G72" s="67"/>
      <c r="H72" s="68"/>
    </row>
    <row r="73" spans="1:8" x14ac:dyDescent="0.2">
      <c r="A73" s="10" t="s">
        <v>11</v>
      </c>
      <c r="B73" s="11" t="s">
        <v>15</v>
      </c>
      <c r="C73" s="48">
        <v>60</v>
      </c>
      <c r="D73" s="49">
        <v>4.0999999999999996</v>
      </c>
      <c r="E73" s="49">
        <v>3.3</v>
      </c>
      <c r="F73" s="49">
        <v>11</v>
      </c>
      <c r="G73" s="50">
        <v>88</v>
      </c>
      <c r="H73" s="53">
        <v>1118</v>
      </c>
    </row>
    <row r="74" spans="1:8" ht="51" x14ac:dyDescent="0.2">
      <c r="A74" s="10" t="s">
        <v>11</v>
      </c>
      <c r="B74" s="11" t="s">
        <v>141</v>
      </c>
      <c r="C74" s="18">
        <v>250</v>
      </c>
      <c r="D74" s="24">
        <v>7.75</v>
      </c>
      <c r="E74" s="24">
        <v>12</v>
      </c>
      <c r="F74" s="24">
        <v>33.75</v>
      </c>
      <c r="G74" s="12">
        <v>275</v>
      </c>
      <c r="H74" s="53">
        <v>625</v>
      </c>
    </row>
    <row r="75" spans="1:8" x14ac:dyDescent="0.2">
      <c r="A75" s="10" t="s">
        <v>11</v>
      </c>
      <c r="B75" s="11" t="s">
        <v>76</v>
      </c>
      <c r="C75" s="18" t="s">
        <v>13</v>
      </c>
      <c r="D75" s="24">
        <v>0.1</v>
      </c>
      <c r="E75" s="24">
        <v>0</v>
      </c>
      <c r="F75" s="24">
        <v>15.2</v>
      </c>
      <c r="G75" s="12">
        <v>61</v>
      </c>
      <c r="H75" s="53">
        <v>494</v>
      </c>
    </row>
    <row r="76" spans="1:8" x14ac:dyDescent="0.2">
      <c r="A76" s="10" t="s">
        <v>11</v>
      </c>
      <c r="B76" s="11" t="s">
        <v>40</v>
      </c>
      <c r="C76" s="18">
        <v>40</v>
      </c>
      <c r="D76" s="24">
        <v>3</v>
      </c>
      <c r="E76" s="24">
        <v>1.1599999999999999</v>
      </c>
      <c r="F76" s="24">
        <v>20.56</v>
      </c>
      <c r="G76" s="12">
        <v>104.8</v>
      </c>
      <c r="H76" s="13" t="s">
        <v>39</v>
      </c>
    </row>
    <row r="77" spans="1:8" s="8" customFormat="1" x14ac:dyDescent="0.2">
      <c r="A77" s="60" t="s">
        <v>21</v>
      </c>
      <c r="B77" s="61"/>
      <c r="C77" s="19">
        <v>550</v>
      </c>
      <c r="D77" s="25">
        <v>14.95</v>
      </c>
      <c r="E77" s="25">
        <v>16.46</v>
      </c>
      <c r="F77" s="25">
        <v>80.510000000000005</v>
      </c>
      <c r="G77" s="14">
        <v>528.79999999999995</v>
      </c>
      <c r="H77" s="15"/>
    </row>
    <row r="78" spans="1:8" x14ac:dyDescent="0.2">
      <c r="A78" s="10" t="s">
        <v>22</v>
      </c>
      <c r="B78" s="11" t="s">
        <v>42</v>
      </c>
      <c r="C78" s="18">
        <v>100</v>
      </c>
      <c r="D78" s="24">
        <v>0.8</v>
      </c>
      <c r="E78" s="24">
        <v>0.1</v>
      </c>
      <c r="F78" s="24">
        <v>2.5</v>
      </c>
      <c r="G78" s="12">
        <v>14</v>
      </c>
      <c r="H78" s="53">
        <v>107</v>
      </c>
    </row>
    <row r="79" spans="1:8" x14ac:dyDescent="0.2">
      <c r="A79" s="10" t="s">
        <v>22</v>
      </c>
      <c r="B79" s="11" t="s">
        <v>144</v>
      </c>
      <c r="C79" s="18">
        <v>250</v>
      </c>
      <c r="D79" s="24">
        <v>2.0499999999999998</v>
      </c>
      <c r="E79" s="24">
        <v>5.23</v>
      </c>
      <c r="F79" s="24">
        <v>15.58</v>
      </c>
      <c r="G79" s="12">
        <v>117.78</v>
      </c>
      <c r="H79" s="53">
        <v>155</v>
      </c>
    </row>
    <row r="80" spans="1:8" x14ac:dyDescent="0.2">
      <c r="A80" s="10" t="s">
        <v>22</v>
      </c>
      <c r="B80" s="11" t="s">
        <v>77</v>
      </c>
      <c r="C80" s="18">
        <v>180</v>
      </c>
      <c r="D80" s="24">
        <v>3.6</v>
      </c>
      <c r="E80" s="24">
        <v>9.6</v>
      </c>
      <c r="F80" s="24">
        <v>17.7</v>
      </c>
      <c r="G80" s="12">
        <v>162</v>
      </c>
      <c r="H80" s="53">
        <v>195</v>
      </c>
    </row>
    <row r="81" spans="1:8" x14ac:dyDescent="0.2">
      <c r="A81" s="10" t="s">
        <v>22</v>
      </c>
      <c r="B81" s="11" t="s">
        <v>78</v>
      </c>
      <c r="C81" s="18">
        <v>100</v>
      </c>
      <c r="D81" s="24">
        <v>13.38</v>
      </c>
      <c r="E81" s="24">
        <v>11.94</v>
      </c>
      <c r="F81" s="24">
        <v>17.739999999999998</v>
      </c>
      <c r="G81" s="12">
        <v>286</v>
      </c>
      <c r="H81" s="53">
        <v>381</v>
      </c>
    </row>
    <row r="82" spans="1:8" x14ac:dyDescent="0.2">
      <c r="A82" s="10" t="s">
        <v>22</v>
      </c>
      <c r="B82" s="11" t="s">
        <v>139</v>
      </c>
      <c r="C82" s="18" t="s">
        <v>13</v>
      </c>
      <c r="D82" s="24">
        <v>0.5</v>
      </c>
      <c r="E82" s="24">
        <v>0</v>
      </c>
      <c r="F82" s="24">
        <v>27</v>
      </c>
      <c r="G82" s="12">
        <v>110</v>
      </c>
      <c r="H82" s="53">
        <v>508</v>
      </c>
    </row>
    <row r="83" spans="1:8" x14ac:dyDescent="0.2">
      <c r="A83" s="10" t="s">
        <v>22</v>
      </c>
      <c r="B83" s="11" t="s">
        <v>32</v>
      </c>
      <c r="C83" s="18">
        <v>40</v>
      </c>
      <c r="D83" s="24">
        <v>3.04</v>
      </c>
      <c r="E83" s="24">
        <v>0.32</v>
      </c>
      <c r="F83" s="24">
        <v>19.68</v>
      </c>
      <c r="G83" s="12">
        <v>94</v>
      </c>
      <c r="H83" s="53" t="s">
        <v>31</v>
      </c>
    </row>
    <row r="84" spans="1:8" x14ac:dyDescent="0.2">
      <c r="A84" s="10" t="s">
        <v>22</v>
      </c>
      <c r="B84" s="11" t="s">
        <v>153</v>
      </c>
      <c r="C84" s="18">
        <v>40</v>
      </c>
      <c r="D84" s="24">
        <v>2.64</v>
      </c>
      <c r="E84" s="24">
        <v>0.48</v>
      </c>
      <c r="F84" s="24">
        <v>13.36</v>
      </c>
      <c r="G84" s="12">
        <v>69.599999999999994</v>
      </c>
      <c r="H84" s="53">
        <v>109</v>
      </c>
    </row>
    <row r="85" spans="1:8" s="8" customFormat="1" x14ac:dyDescent="0.2">
      <c r="A85" s="60" t="s">
        <v>21</v>
      </c>
      <c r="B85" s="61"/>
      <c r="C85" s="19">
        <v>910</v>
      </c>
      <c r="D85" s="25">
        <v>26.01</v>
      </c>
      <c r="E85" s="25">
        <v>27.67</v>
      </c>
      <c r="F85" s="25">
        <v>113.56</v>
      </c>
      <c r="G85" s="14">
        <v>853.38</v>
      </c>
      <c r="H85" s="15"/>
    </row>
    <row r="86" spans="1:8" s="8" customFormat="1" ht="13.5" thickBot="1" x14ac:dyDescent="0.25">
      <c r="A86" s="64" t="s">
        <v>34</v>
      </c>
      <c r="B86" s="65"/>
      <c r="C86" s="20">
        <v>1460</v>
      </c>
      <c r="D86" s="26">
        <v>40.96</v>
      </c>
      <c r="E86" s="26">
        <v>44.13</v>
      </c>
      <c r="F86" s="26">
        <v>194.07</v>
      </c>
      <c r="G86" s="16">
        <v>1382.18</v>
      </c>
      <c r="H86" s="17"/>
    </row>
    <row r="87" spans="1:8" s="8" customFormat="1" x14ac:dyDescent="0.2">
      <c r="A87" s="66" t="s">
        <v>59</v>
      </c>
      <c r="B87" s="67"/>
      <c r="C87" s="67"/>
      <c r="D87" s="67"/>
      <c r="E87" s="67"/>
      <c r="F87" s="67"/>
      <c r="G87" s="67"/>
      <c r="H87" s="68"/>
    </row>
    <row r="88" spans="1:8" ht="25.5" x14ac:dyDescent="0.2">
      <c r="A88" s="10" t="s">
        <v>11</v>
      </c>
      <c r="B88" s="11" t="s">
        <v>81</v>
      </c>
      <c r="C88" s="18" t="s">
        <v>114</v>
      </c>
      <c r="D88" s="24">
        <v>8.5299999999999994</v>
      </c>
      <c r="E88" s="24">
        <v>9.1300000000000008</v>
      </c>
      <c r="F88" s="24">
        <v>37.700000000000003</v>
      </c>
      <c r="G88" s="12">
        <v>266.73</v>
      </c>
      <c r="H88" s="53">
        <v>247</v>
      </c>
    </row>
    <row r="89" spans="1:8" x14ac:dyDescent="0.2">
      <c r="A89" s="10" t="s">
        <v>11</v>
      </c>
      <c r="B89" s="11" t="s">
        <v>135</v>
      </c>
      <c r="C89" s="18">
        <v>15</v>
      </c>
      <c r="D89" s="24">
        <v>3.9</v>
      </c>
      <c r="E89" s="24">
        <v>3.98</v>
      </c>
      <c r="F89" s="24">
        <v>0.53</v>
      </c>
      <c r="G89" s="12">
        <v>53.34</v>
      </c>
      <c r="H89" s="53">
        <v>100</v>
      </c>
    </row>
    <row r="90" spans="1:8" x14ac:dyDescent="0.2">
      <c r="A90" s="56"/>
      <c r="B90" s="11" t="s">
        <v>40</v>
      </c>
      <c r="C90" s="18" t="s">
        <v>33</v>
      </c>
      <c r="D90" s="24">
        <v>3.75</v>
      </c>
      <c r="E90" s="24">
        <v>1.45</v>
      </c>
      <c r="F90" s="24">
        <v>25.7</v>
      </c>
      <c r="G90" s="12">
        <v>131</v>
      </c>
      <c r="H90" s="53" t="s">
        <v>39</v>
      </c>
    </row>
    <row r="91" spans="1:8" x14ac:dyDescent="0.2">
      <c r="A91" s="10" t="s">
        <v>11</v>
      </c>
      <c r="B91" s="11" t="s">
        <v>17</v>
      </c>
      <c r="C91" s="18" t="s">
        <v>18</v>
      </c>
      <c r="D91" s="24">
        <v>2.64</v>
      </c>
      <c r="E91" s="24">
        <v>0.48</v>
      </c>
      <c r="F91" s="24">
        <v>13.36</v>
      </c>
      <c r="G91" s="12">
        <v>69.599999999999994</v>
      </c>
      <c r="H91" s="53" t="s">
        <v>16</v>
      </c>
    </row>
    <row r="92" spans="1:8" x14ac:dyDescent="0.2">
      <c r="A92" s="10" t="s">
        <v>11</v>
      </c>
      <c r="B92" s="11" t="s">
        <v>20</v>
      </c>
      <c r="C92" s="18" t="s">
        <v>13</v>
      </c>
      <c r="D92" s="24">
        <v>0.2</v>
      </c>
      <c r="E92" s="24">
        <v>0</v>
      </c>
      <c r="F92" s="24">
        <v>10.02</v>
      </c>
      <c r="G92" s="12">
        <v>39.82</v>
      </c>
      <c r="H92" s="53">
        <v>493</v>
      </c>
    </row>
    <row r="93" spans="1:8" s="8" customFormat="1" x14ac:dyDescent="0.2">
      <c r="A93" s="60" t="s">
        <v>21</v>
      </c>
      <c r="B93" s="61"/>
      <c r="C93" s="19">
        <v>555</v>
      </c>
      <c r="D93" s="25">
        <v>19.02</v>
      </c>
      <c r="E93" s="25">
        <v>15.04</v>
      </c>
      <c r="F93" s="25">
        <v>87.31</v>
      </c>
      <c r="G93" s="14">
        <v>560.49</v>
      </c>
      <c r="H93" s="54"/>
    </row>
    <row r="94" spans="1:8" x14ac:dyDescent="0.2">
      <c r="A94" s="10" t="s">
        <v>22</v>
      </c>
      <c r="B94" s="11" t="s">
        <v>24</v>
      </c>
      <c r="C94" s="18">
        <v>100</v>
      </c>
      <c r="D94" s="24">
        <v>1.1000000000000001</v>
      </c>
      <c r="E94" s="24">
        <v>0.2</v>
      </c>
      <c r="F94" s="24">
        <v>3.8</v>
      </c>
      <c r="G94" s="12">
        <v>24</v>
      </c>
      <c r="H94" s="53" t="s">
        <v>23</v>
      </c>
    </row>
    <row r="95" spans="1:8" x14ac:dyDescent="0.2">
      <c r="A95" s="10" t="s">
        <v>22</v>
      </c>
      <c r="B95" s="11" t="s">
        <v>145</v>
      </c>
      <c r="C95" s="18">
        <v>250</v>
      </c>
      <c r="D95" s="24">
        <v>5.71</v>
      </c>
      <c r="E95" s="24">
        <v>3.76</v>
      </c>
      <c r="F95" s="24">
        <v>21.93</v>
      </c>
      <c r="G95" s="12">
        <v>144.9</v>
      </c>
      <c r="H95" s="53">
        <v>144</v>
      </c>
    </row>
    <row r="96" spans="1:8" x14ac:dyDescent="0.2">
      <c r="A96" s="10" t="s">
        <v>22</v>
      </c>
      <c r="B96" s="11" t="s">
        <v>84</v>
      </c>
      <c r="C96" s="18">
        <v>180</v>
      </c>
      <c r="D96" s="24">
        <v>6.66</v>
      </c>
      <c r="E96" s="24">
        <v>8.2200000000000006</v>
      </c>
      <c r="F96" s="24">
        <v>44.5</v>
      </c>
      <c r="G96" s="12">
        <v>300.06</v>
      </c>
      <c r="H96" s="53">
        <v>237</v>
      </c>
    </row>
    <row r="97" spans="1:8" x14ac:dyDescent="0.2">
      <c r="A97" s="10" t="s">
        <v>22</v>
      </c>
      <c r="B97" s="11" t="s">
        <v>85</v>
      </c>
      <c r="C97" s="18">
        <v>100</v>
      </c>
      <c r="D97" s="24">
        <v>9.25</v>
      </c>
      <c r="E97" s="24">
        <v>11.25</v>
      </c>
      <c r="F97" s="24">
        <v>3.42</v>
      </c>
      <c r="G97" s="12">
        <v>160</v>
      </c>
      <c r="H97" s="53">
        <v>144</v>
      </c>
    </row>
    <row r="98" spans="1:8" x14ac:dyDescent="0.2">
      <c r="A98" s="10" t="s">
        <v>22</v>
      </c>
      <c r="B98" s="11" t="s">
        <v>32</v>
      </c>
      <c r="C98" s="18">
        <v>40</v>
      </c>
      <c r="D98" s="24">
        <v>3.04</v>
      </c>
      <c r="E98" s="24">
        <v>0.32</v>
      </c>
      <c r="F98" s="24">
        <v>19.68</v>
      </c>
      <c r="G98" s="12">
        <v>94</v>
      </c>
      <c r="H98" s="53" t="s">
        <v>31</v>
      </c>
    </row>
    <row r="99" spans="1:8" x14ac:dyDescent="0.2">
      <c r="A99" s="10" t="s">
        <v>22</v>
      </c>
      <c r="B99" s="11" t="s">
        <v>153</v>
      </c>
      <c r="C99" s="18">
        <v>40</v>
      </c>
      <c r="D99" s="24">
        <v>2.64</v>
      </c>
      <c r="E99" s="24">
        <v>0.48</v>
      </c>
      <c r="F99" s="24">
        <v>13.36</v>
      </c>
      <c r="G99" s="12">
        <v>69.599999999999994</v>
      </c>
      <c r="H99" s="53">
        <v>109</v>
      </c>
    </row>
    <row r="100" spans="1:8" x14ac:dyDescent="0.2">
      <c r="A100" s="10" t="s">
        <v>22</v>
      </c>
      <c r="B100" s="11" t="s">
        <v>146</v>
      </c>
      <c r="C100" s="18" t="s">
        <v>13</v>
      </c>
      <c r="D100" s="24">
        <v>0.5</v>
      </c>
      <c r="E100" s="24">
        <v>0.2</v>
      </c>
      <c r="F100" s="24">
        <v>23.1</v>
      </c>
      <c r="G100" s="12">
        <v>96</v>
      </c>
      <c r="H100" s="53">
        <v>507</v>
      </c>
    </row>
    <row r="101" spans="1:8" s="8" customFormat="1" x14ac:dyDescent="0.2">
      <c r="A101" s="60" t="s">
        <v>21</v>
      </c>
      <c r="B101" s="61"/>
      <c r="C101" s="19">
        <v>910</v>
      </c>
      <c r="D101" s="25">
        <v>28.9</v>
      </c>
      <c r="E101" s="25">
        <v>24.43</v>
      </c>
      <c r="F101" s="25">
        <v>129.79</v>
      </c>
      <c r="G101" s="14">
        <v>888.56</v>
      </c>
      <c r="H101" s="54"/>
    </row>
    <row r="102" spans="1:8" s="8" customFormat="1" ht="13.5" thickBot="1" x14ac:dyDescent="0.25">
      <c r="A102" s="64" t="s">
        <v>34</v>
      </c>
      <c r="B102" s="65"/>
      <c r="C102" s="20">
        <v>1465</v>
      </c>
      <c r="D102" s="26">
        <v>47.92</v>
      </c>
      <c r="E102" s="26">
        <v>39.47</v>
      </c>
      <c r="F102" s="26">
        <v>217.1</v>
      </c>
      <c r="G102" s="16">
        <v>1449.05</v>
      </c>
      <c r="H102" s="17"/>
    </row>
    <row r="103" spans="1:8" s="8" customFormat="1" x14ac:dyDescent="0.2">
      <c r="A103" s="66" t="s">
        <v>86</v>
      </c>
      <c r="B103" s="67"/>
      <c r="C103" s="67"/>
      <c r="D103" s="67"/>
      <c r="E103" s="67"/>
      <c r="F103" s="67"/>
      <c r="G103" s="67"/>
      <c r="H103" s="68"/>
    </row>
    <row r="104" spans="1:8" x14ac:dyDescent="0.2">
      <c r="A104" s="10" t="s">
        <v>11</v>
      </c>
      <c r="B104" s="11" t="s">
        <v>133</v>
      </c>
      <c r="C104" s="18">
        <v>115</v>
      </c>
      <c r="D104" s="24">
        <v>6.61</v>
      </c>
      <c r="E104" s="24">
        <v>4.2300000000000004</v>
      </c>
      <c r="F104" s="24">
        <v>11.24</v>
      </c>
      <c r="G104" s="12">
        <v>115.06</v>
      </c>
      <c r="H104" s="53">
        <v>517</v>
      </c>
    </row>
    <row r="105" spans="1:8" x14ac:dyDescent="0.2">
      <c r="A105" s="10" t="s">
        <v>11</v>
      </c>
      <c r="B105" s="11" t="s">
        <v>134</v>
      </c>
      <c r="C105" s="18">
        <v>250</v>
      </c>
      <c r="D105" s="24">
        <v>9.43</v>
      </c>
      <c r="E105" s="24">
        <v>18.23</v>
      </c>
      <c r="F105" s="24">
        <v>40.5</v>
      </c>
      <c r="G105" s="12">
        <v>349.25</v>
      </c>
      <c r="H105" s="53">
        <v>268</v>
      </c>
    </row>
    <row r="106" spans="1:8" x14ac:dyDescent="0.2">
      <c r="A106" s="10" t="s">
        <v>11</v>
      </c>
      <c r="B106" s="11" t="s">
        <v>136</v>
      </c>
      <c r="C106" s="18">
        <v>200</v>
      </c>
      <c r="D106" s="24">
        <v>0.4</v>
      </c>
      <c r="E106" s="24">
        <v>0</v>
      </c>
      <c r="F106" s="24">
        <v>20</v>
      </c>
      <c r="G106" s="12">
        <v>80</v>
      </c>
      <c r="H106" s="53">
        <v>616</v>
      </c>
    </row>
    <row r="107" spans="1:8" x14ac:dyDescent="0.2">
      <c r="A107" s="10" t="s">
        <v>11</v>
      </c>
      <c r="B107" s="11" t="s">
        <v>40</v>
      </c>
      <c r="C107" s="18">
        <v>20</v>
      </c>
      <c r="D107" s="24">
        <v>1.5</v>
      </c>
      <c r="E107" s="24">
        <v>0.57999999999999996</v>
      </c>
      <c r="F107" s="24">
        <v>10.28</v>
      </c>
      <c r="G107" s="12">
        <v>52.4</v>
      </c>
      <c r="H107" s="53" t="s">
        <v>39</v>
      </c>
    </row>
    <row r="108" spans="1:8" s="8" customFormat="1" x14ac:dyDescent="0.2">
      <c r="A108" s="60" t="s">
        <v>21</v>
      </c>
      <c r="B108" s="61"/>
      <c r="C108" s="19">
        <v>585</v>
      </c>
      <c r="D108" s="25">
        <v>17.940000000000001</v>
      </c>
      <c r="E108" s="25">
        <v>23.04</v>
      </c>
      <c r="F108" s="25">
        <v>82.02</v>
      </c>
      <c r="G108" s="14">
        <v>596.71</v>
      </c>
      <c r="H108" s="15"/>
    </row>
    <row r="109" spans="1:8" x14ac:dyDescent="0.2">
      <c r="A109" s="10" t="s">
        <v>22</v>
      </c>
      <c r="B109" s="11" t="s">
        <v>42</v>
      </c>
      <c r="C109" s="18">
        <v>100</v>
      </c>
      <c r="D109" s="24">
        <v>0.8</v>
      </c>
      <c r="E109" s="24">
        <v>0.1</v>
      </c>
      <c r="F109" s="24">
        <v>2.5</v>
      </c>
      <c r="G109" s="12">
        <v>14</v>
      </c>
      <c r="H109" s="53">
        <v>107</v>
      </c>
    </row>
    <row r="110" spans="1:8" x14ac:dyDescent="0.2">
      <c r="A110" s="10" t="s">
        <v>22</v>
      </c>
      <c r="B110" s="11" t="s">
        <v>26</v>
      </c>
      <c r="C110" s="18" t="s">
        <v>114</v>
      </c>
      <c r="D110" s="24">
        <v>2.1</v>
      </c>
      <c r="E110" s="24">
        <v>3.95</v>
      </c>
      <c r="F110" s="24">
        <v>9.02</v>
      </c>
      <c r="G110" s="12">
        <v>81.2</v>
      </c>
      <c r="H110" s="53">
        <v>142</v>
      </c>
    </row>
    <row r="111" spans="1:8" x14ac:dyDescent="0.2">
      <c r="A111" s="10" t="s">
        <v>22</v>
      </c>
      <c r="B111" s="11" t="s">
        <v>44</v>
      </c>
      <c r="C111" s="18">
        <v>180</v>
      </c>
      <c r="D111" s="24">
        <v>2.63</v>
      </c>
      <c r="E111" s="24">
        <v>3.75</v>
      </c>
      <c r="F111" s="24">
        <v>10.4</v>
      </c>
      <c r="G111" s="12">
        <v>179.6</v>
      </c>
      <c r="H111" s="53">
        <v>174</v>
      </c>
    </row>
    <row r="112" spans="1:8" x14ac:dyDescent="0.2">
      <c r="A112" s="10" t="s">
        <v>22</v>
      </c>
      <c r="B112" s="11" t="s">
        <v>78</v>
      </c>
      <c r="C112" s="18">
        <v>100</v>
      </c>
      <c r="D112" s="24">
        <v>13.38</v>
      </c>
      <c r="E112" s="24">
        <v>11.94</v>
      </c>
      <c r="F112" s="24">
        <v>17.739999999999998</v>
      </c>
      <c r="G112" s="12">
        <v>286</v>
      </c>
      <c r="H112" s="53">
        <v>381</v>
      </c>
    </row>
    <row r="113" spans="1:8" x14ac:dyDescent="0.2">
      <c r="A113" s="10" t="s">
        <v>22</v>
      </c>
      <c r="B113" s="11" t="s">
        <v>79</v>
      </c>
      <c r="C113" s="18" t="s">
        <v>13</v>
      </c>
      <c r="D113" s="24">
        <v>0.7</v>
      </c>
      <c r="E113" s="24">
        <v>0.3</v>
      </c>
      <c r="F113" s="24">
        <v>22.8</v>
      </c>
      <c r="G113" s="12">
        <v>97</v>
      </c>
      <c r="H113" s="53">
        <v>519</v>
      </c>
    </row>
    <row r="114" spans="1:8" x14ac:dyDescent="0.2">
      <c r="A114" s="10" t="s">
        <v>22</v>
      </c>
      <c r="B114" s="11" t="s">
        <v>32</v>
      </c>
      <c r="C114" s="18">
        <v>40</v>
      </c>
      <c r="D114" s="24">
        <v>3.04</v>
      </c>
      <c r="E114" s="24">
        <v>0.32</v>
      </c>
      <c r="F114" s="24">
        <v>19.68</v>
      </c>
      <c r="G114" s="12">
        <v>94</v>
      </c>
      <c r="H114" s="53" t="s">
        <v>31</v>
      </c>
    </row>
    <row r="115" spans="1:8" x14ac:dyDescent="0.2">
      <c r="A115" s="10" t="s">
        <v>22</v>
      </c>
      <c r="B115" s="11" t="s">
        <v>153</v>
      </c>
      <c r="C115" s="18">
        <v>40</v>
      </c>
      <c r="D115" s="24">
        <v>2.64</v>
      </c>
      <c r="E115" s="24">
        <v>0.48</v>
      </c>
      <c r="F115" s="24">
        <v>13.36</v>
      </c>
      <c r="G115" s="12">
        <v>69.599999999999994</v>
      </c>
      <c r="H115" s="53">
        <v>109</v>
      </c>
    </row>
    <row r="116" spans="1:8" s="8" customFormat="1" x14ac:dyDescent="0.2">
      <c r="A116" s="60" t="s">
        <v>21</v>
      </c>
      <c r="B116" s="61"/>
      <c r="C116" s="19">
        <v>910</v>
      </c>
      <c r="D116" s="25">
        <v>25.29</v>
      </c>
      <c r="E116" s="25">
        <v>20.84</v>
      </c>
      <c r="F116" s="25">
        <v>95.5</v>
      </c>
      <c r="G116" s="14">
        <v>821.4</v>
      </c>
      <c r="H116" s="15"/>
    </row>
    <row r="117" spans="1:8" s="8" customFormat="1" ht="13.5" thickBot="1" x14ac:dyDescent="0.25">
      <c r="A117" s="64" t="s">
        <v>34</v>
      </c>
      <c r="B117" s="65"/>
      <c r="C117" s="20">
        <v>1495</v>
      </c>
      <c r="D117" s="26">
        <v>43.23</v>
      </c>
      <c r="E117" s="26">
        <v>43.88</v>
      </c>
      <c r="F117" s="26">
        <v>177.52</v>
      </c>
      <c r="G117" s="16">
        <v>1418.11</v>
      </c>
      <c r="H117" s="17"/>
    </row>
    <row r="118" spans="1:8" s="8" customFormat="1" x14ac:dyDescent="0.2">
      <c r="A118" s="66" t="s">
        <v>90</v>
      </c>
      <c r="B118" s="67"/>
      <c r="C118" s="67"/>
      <c r="D118" s="67"/>
      <c r="E118" s="67"/>
      <c r="F118" s="67"/>
      <c r="G118" s="67"/>
      <c r="H118" s="68"/>
    </row>
    <row r="119" spans="1:8" ht="25.5" x14ac:dyDescent="0.2">
      <c r="A119" s="10" t="s">
        <v>11</v>
      </c>
      <c r="B119" s="11" t="s">
        <v>12</v>
      </c>
      <c r="C119" s="18" t="s">
        <v>114</v>
      </c>
      <c r="D119" s="24">
        <v>11.22</v>
      </c>
      <c r="E119" s="24">
        <v>13.59</v>
      </c>
      <c r="F119" s="24">
        <v>51.46</v>
      </c>
      <c r="G119" s="12">
        <v>340.31</v>
      </c>
      <c r="H119" s="53">
        <v>267</v>
      </c>
    </row>
    <row r="120" spans="1:8" x14ac:dyDescent="0.2">
      <c r="A120" s="10" t="s">
        <v>11</v>
      </c>
      <c r="B120" s="11" t="s">
        <v>15</v>
      </c>
      <c r="C120" s="48">
        <v>60</v>
      </c>
      <c r="D120" s="49">
        <v>4.0999999999999996</v>
      </c>
      <c r="E120" s="49">
        <v>3.3</v>
      </c>
      <c r="F120" s="49">
        <v>11</v>
      </c>
      <c r="G120" s="50">
        <v>88</v>
      </c>
      <c r="H120" s="51">
        <v>1118</v>
      </c>
    </row>
    <row r="121" spans="1:8" x14ac:dyDescent="0.2">
      <c r="A121" s="10" t="s">
        <v>11</v>
      </c>
      <c r="B121" s="11" t="s">
        <v>17</v>
      </c>
      <c r="C121" s="18" t="s">
        <v>18</v>
      </c>
      <c r="D121" s="24">
        <v>2.64</v>
      </c>
      <c r="E121" s="24">
        <v>0.48</v>
      </c>
      <c r="F121" s="24">
        <v>13.36</v>
      </c>
      <c r="G121" s="12">
        <v>69.599999999999994</v>
      </c>
      <c r="H121" s="53" t="s">
        <v>16</v>
      </c>
    </row>
    <row r="122" spans="1:8" x14ac:dyDescent="0.2">
      <c r="A122" s="10" t="s">
        <v>11</v>
      </c>
      <c r="B122" s="11" t="s">
        <v>20</v>
      </c>
      <c r="C122" s="18" t="s">
        <v>13</v>
      </c>
      <c r="D122" s="24">
        <v>0.2</v>
      </c>
      <c r="E122" s="24">
        <v>0</v>
      </c>
      <c r="F122" s="24">
        <v>10.02</v>
      </c>
      <c r="G122" s="12">
        <v>39.82</v>
      </c>
      <c r="H122" s="53">
        <v>493</v>
      </c>
    </row>
    <row r="123" spans="1:8" s="8" customFormat="1" x14ac:dyDescent="0.2">
      <c r="A123" s="60" t="s">
        <v>21</v>
      </c>
      <c r="B123" s="61"/>
      <c r="C123" s="19">
        <v>550</v>
      </c>
      <c r="D123" s="25">
        <v>18.16</v>
      </c>
      <c r="E123" s="25">
        <v>17.37</v>
      </c>
      <c r="F123" s="25">
        <v>85.84</v>
      </c>
      <c r="G123" s="14">
        <v>537.73</v>
      </c>
      <c r="H123" s="54"/>
    </row>
    <row r="124" spans="1:8" x14ac:dyDescent="0.2">
      <c r="A124" s="10" t="s">
        <v>22</v>
      </c>
      <c r="B124" s="11" t="s">
        <v>24</v>
      </c>
      <c r="C124" s="18" t="s">
        <v>30</v>
      </c>
      <c r="D124" s="24">
        <v>1.1000000000000001</v>
      </c>
      <c r="E124" s="24">
        <v>0.2</v>
      </c>
      <c r="F124" s="24">
        <v>3.8</v>
      </c>
      <c r="G124" s="12">
        <v>24</v>
      </c>
      <c r="H124" s="53" t="s">
        <v>23</v>
      </c>
    </row>
    <row r="125" spans="1:8" x14ac:dyDescent="0.2">
      <c r="A125" s="10" t="s">
        <v>22</v>
      </c>
      <c r="B125" s="11" t="s">
        <v>26</v>
      </c>
      <c r="C125" s="18" t="s">
        <v>114</v>
      </c>
      <c r="D125" s="24">
        <v>2.1</v>
      </c>
      <c r="E125" s="24">
        <v>3.95</v>
      </c>
      <c r="F125" s="24">
        <v>9.02</v>
      </c>
      <c r="G125" s="12">
        <v>81.2</v>
      </c>
      <c r="H125" s="53">
        <v>142</v>
      </c>
    </row>
    <row r="126" spans="1:8" x14ac:dyDescent="0.2">
      <c r="A126" s="10" t="s">
        <v>22</v>
      </c>
      <c r="B126" s="11" t="s">
        <v>27</v>
      </c>
      <c r="C126" s="18" t="s">
        <v>115</v>
      </c>
      <c r="D126" s="24">
        <v>6.44</v>
      </c>
      <c r="E126" s="24">
        <v>4.3600000000000003</v>
      </c>
      <c r="F126" s="24">
        <v>1.33</v>
      </c>
      <c r="G126" s="12">
        <v>240.17</v>
      </c>
      <c r="H126" s="53">
        <v>291</v>
      </c>
    </row>
    <row r="127" spans="1:8" x14ac:dyDescent="0.2">
      <c r="A127" s="10" t="s">
        <v>22</v>
      </c>
      <c r="B127" s="11" t="s">
        <v>29</v>
      </c>
      <c r="C127" s="18" t="s">
        <v>30</v>
      </c>
      <c r="D127" s="24">
        <v>9.99</v>
      </c>
      <c r="E127" s="24">
        <v>36.549999999999997</v>
      </c>
      <c r="F127" s="24">
        <v>4.9400000000000004</v>
      </c>
      <c r="G127" s="12">
        <v>388.89</v>
      </c>
      <c r="H127" s="53">
        <v>367</v>
      </c>
    </row>
    <row r="128" spans="1:8" x14ac:dyDescent="0.2">
      <c r="A128" s="10" t="s">
        <v>22</v>
      </c>
      <c r="B128" s="11" t="s">
        <v>17</v>
      </c>
      <c r="C128" s="18" t="s">
        <v>18</v>
      </c>
      <c r="D128" s="24">
        <v>2.64</v>
      </c>
      <c r="E128" s="24">
        <v>0.48</v>
      </c>
      <c r="F128" s="24">
        <v>13.36</v>
      </c>
      <c r="G128" s="12">
        <v>69.599999999999994</v>
      </c>
      <c r="H128" s="53" t="s">
        <v>16</v>
      </c>
    </row>
    <row r="129" spans="1:8" x14ac:dyDescent="0.2">
      <c r="A129" s="10" t="s">
        <v>22</v>
      </c>
      <c r="B129" s="11" t="s">
        <v>32</v>
      </c>
      <c r="C129" s="18" t="s">
        <v>33</v>
      </c>
      <c r="D129" s="24">
        <v>3.8</v>
      </c>
      <c r="E129" s="24">
        <v>0.4</v>
      </c>
      <c r="F129" s="24">
        <v>24.6</v>
      </c>
      <c r="G129" s="12">
        <v>117.5</v>
      </c>
      <c r="H129" s="53" t="s">
        <v>31</v>
      </c>
    </row>
    <row r="130" spans="1:8" x14ac:dyDescent="0.2">
      <c r="A130" s="10" t="s">
        <v>22</v>
      </c>
      <c r="B130" s="11" t="s">
        <v>79</v>
      </c>
      <c r="C130" s="18" t="s">
        <v>13</v>
      </c>
      <c r="D130" s="24">
        <v>0.7</v>
      </c>
      <c r="E130" s="24">
        <v>0.3</v>
      </c>
      <c r="F130" s="24">
        <v>22.8</v>
      </c>
      <c r="G130" s="12">
        <v>97</v>
      </c>
      <c r="H130" s="53">
        <v>519</v>
      </c>
    </row>
    <row r="131" spans="1:8" s="8" customFormat="1" x14ac:dyDescent="0.2">
      <c r="A131" s="60" t="s">
        <v>21</v>
      </c>
      <c r="B131" s="61"/>
      <c r="C131" s="19">
        <v>920</v>
      </c>
      <c r="D131" s="25">
        <v>26.77</v>
      </c>
      <c r="E131" s="25">
        <v>46.24</v>
      </c>
      <c r="F131" s="25">
        <v>79.849999999999994</v>
      </c>
      <c r="G131" s="14">
        <v>1018.36</v>
      </c>
      <c r="H131" s="15"/>
    </row>
    <row r="132" spans="1:8" s="8" customFormat="1" ht="13.5" thickBot="1" x14ac:dyDescent="0.25">
      <c r="A132" s="64" t="s">
        <v>34</v>
      </c>
      <c r="B132" s="65"/>
      <c r="C132" s="20">
        <v>1470</v>
      </c>
      <c r="D132" s="26">
        <v>44.93</v>
      </c>
      <c r="E132" s="26">
        <v>63.61</v>
      </c>
      <c r="F132" s="26">
        <v>165.69</v>
      </c>
      <c r="G132" s="16">
        <v>1556.09</v>
      </c>
      <c r="H132" s="17"/>
    </row>
    <row r="133" spans="1:8" s="8" customFormat="1" x14ac:dyDescent="0.2">
      <c r="A133" s="88" t="s">
        <v>72</v>
      </c>
      <c r="B133" s="89"/>
      <c r="C133" s="89"/>
      <c r="D133" s="89"/>
      <c r="E133" s="89"/>
      <c r="F133" s="89"/>
      <c r="G133" s="89"/>
      <c r="H133" s="90"/>
    </row>
    <row r="134" spans="1:8" x14ac:dyDescent="0.2">
      <c r="A134" s="10" t="s">
        <v>11</v>
      </c>
      <c r="B134" s="11" t="s">
        <v>92</v>
      </c>
      <c r="C134" s="18">
        <v>180</v>
      </c>
      <c r="D134" s="24">
        <v>25.85</v>
      </c>
      <c r="E134" s="24">
        <v>21.08</v>
      </c>
      <c r="F134" s="24">
        <v>37.6</v>
      </c>
      <c r="G134" s="12">
        <v>437.36</v>
      </c>
      <c r="H134" s="13" t="s">
        <v>91</v>
      </c>
    </row>
    <row r="135" spans="1:8" x14ac:dyDescent="0.2">
      <c r="A135" s="10" t="s">
        <v>11</v>
      </c>
      <c r="B135" s="11" t="s">
        <v>74</v>
      </c>
      <c r="C135" s="18">
        <v>40</v>
      </c>
      <c r="D135" s="24">
        <v>2.88</v>
      </c>
      <c r="E135" s="24">
        <v>3.4</v>
      </c>
      <c r="F135" s="24">
        <v>22.2</v>
      </c>
      <c r="G135" s="12">
        <v>131.19999999999999</v>
      </c>
      <c r="H135" s="13" t="s">
        <v>73</v>
      </c>
    </row>
    <row r="136" spans="1:8" x14ac:dyDescent="0.2">
      <c r="A136" s="10" t="s">
        <v>11</v>
      </c>
      <c r="B136" s="11" t="s">
        <v>101</v>
      </c>
      <c r="C136" s="18" t="s">
        <v>30</v>
      </c>
      <c r="D136" s="24">
        <v>0.8</v>
      </c>
      <c r="E136" s="24">
        <v>0.2</v>
      </c>
      <c r="F136" s="24">
        <v>7.5</v>
      </c>
      <c r="G136" s="12">
        <v>38</v>
      </c>
      <c r="H136" s="13" t="s">
        <v>50</v>
      </c>
    </row>
    <row r="137" spans="1:8" x14ac:dyDescent="0.2">
      <c r="A137" s="57"/>
      <c r="B137" s="11" t="s">
        <v>32</v>
      </c>
      <c r="C137" s="18">
        <v>20</v>
      </c>
      <c r="D137" s="24">
        <v>1.52</v>
      </c>
      <c r="E137" s="24">
        <v>0.16</v>
      </c>
      <c r="F137" s="24">
        <v>7.8</v>
      </c>
      <c r="G137" s="12">
        <v>47</v>
      </c>
      <c r="H137" s="13" t="s">
        <v>31</v>
      </c>
    </row>
    <row r="138" spans="1:8" x14ac:dyDescent="0.2">
      <c r="A138" s="10" t="s">
        <v>11</v>
      </c>
      <c r="B138" s="11" t="s">
        <v>76</v>
      </c>
      <c r="C138" s="18" t="s">
        <v>13</v>
      </c>
      <c r="D138" s="24">
        <v>0.24</v>
      </c>
      <c r="E138" s="24">
        <v>0</v>
      </c>
      <c r="F138" s="24">
        <v>10.16</v>
      </c>
      <c r="G138" s="12">
        <v>41.52</v>
      </c>
      <c r="H138" s="13" t="s">
        <v>75</v>
      </c>
    </row>
    <row r="139" spans="1:8" x14ac:dyDescent="0.2">
      <c r="A139" s="10" t="s">
        <v>11</v>
      </c>
      <c r="B139" s="11" t="s">
        <v>17</v>
      </c>
      <c r="C139" s="18" t="s">
        <v>18</v>
      </c>
      <c r="D139" s="24">
        <v>2.64</v>
      </c>
      <c r="E139" s="24">
        <v>0.48</v>
      </c>
      <c r="F139" s="24">
        <v>13.36</v>
      </c>
      <c r="G139" s="12">
        <v>69.599999999999994</v>
      </c>
      <c r="H139" s="13" t="s">
        <v>16</v>
      </c>
    </row>
    <row r="140" spans="1:8" s="8" customFormat="1" x14ac:dyDescent="0.2">
      <c r="A140" s="60" t="s">
        <v>21</v>
      </c>
      <c r="B140" s="61"/>
      <c r="C140" s="19">
        <v>580</v>
      </c>
      <c r="D140" s="25">
        <v>33.93</v>
      </c>
      <c r="E140" s="25">
        <v>25.32</v>
      </c>
      <c r="F140" s="25">
        <v>98.62</v>
      </c>
      <c r="G140" s="14">
        <v>764.68</v>
      </c>
      <c r="H140" s="15"/>
    </row>
    <row r="141" spans="1:8" x14ac:dyDescent="0.2">
      <c r="A141" s="10" t="s">
        <v>22</v>
      </c>
      <c r="B141" s="11" t="s">
        <v>94</v>
      </c>
      <c r="C141" s="18" t="s">
        <v>30</v>
      </c>
      <c r="D141" s="24">
        <v>1.1000000000000001</v>
      </c>
      <c r="E141" s="24">
        <v>10.08</v>
      </c>
      <c r="F141" s="24">
        <v>3.12</v>
      </c>
      <c r="G141" s="12">
        <v>108.23</v>
      </c>
      <c r="H141" s="13" t="s">
        <v>93</v>
      </c>
    </row>
    <row r="142" spans="1:8" x14ac:dyDescent="0.2">
      <c r="A142" s="10" t="s">
        <v>22</v>
      </c>
      <c r="B142" s="11" t="s">
        <v>96</v>
      </c>
      <c r="C142" s="18" t="s">
        <v>114</v>
      </c>
      <c r="D142" s="24">
        <v>2.0499999999999998</v>
      </c>
      <c r="E142" s="24">
        <v>7.75</v>
      </c>
      <c r="F142" s="24">
        <v>11.38</v>
      </c>
      <c r="G142" s="12">
        <v>124.27</v>
      </c>
      <c r="H142" s="13" t="s">
        <v>95</v>
      </c>
    </row>
    <row r="143" spans="1:8" x14ac:dyDescent="0.2">
      <c r="A143" s="10" t="s">
        <v>22</v>
      </c>
      <c r="B143" s="11" t="s">
        <v>98</v>
      </c>
      <c r="C143" s="18" t="s">
        <v>114</v>
      </c>
      <c r="D143" s="24">
        <v>22.03</v>
      </c>
      <c r="E143" s="24">
        <v>24.15</v>
      </c>
      <c r="F143" s="24">
        <v>27.2</v>
      </c>
      <c r="G143" s="12">
        <v>414.45</v>
      </c>
      <c r="H143" s="13" t="s">
        <v>97</v>
      </c>
    </row>
    <row r="144" spans="1:8" x14ac:dyDescent="0.2">
      <c r="A144" s="10" t="s">
        <v>22</v>
      </c>
      <c r="B144" s="11" t="s">
        <v>100</v>
      </c>
      <c r="C144" s="18" t="s">
        <v>13</v>
      </c>
      <c r="D144" s="24">
        <v>0</v>
      </c>
      <c r="E144" s="24">
        <v>0</v>
      </c>
      <c r="F144" s="24">
        <v>0</v>
      </c>
      <c r="G144" s="12">
        <v>0</v>
      </c>
      <c r="H144" s="13" t="s">
        <v>99</v>
      </c>
    </row>
    <row r="145" spans="1:8" x14ac:dyDescent="0.2">
      <c r="A145" s="10" t="s">
        <v>22</v>
      </c>
      <c r="B145" s="11" t="s">
        <v>32</v>
      </c>
      <c r="C145" s="18">
        <v>40</v>
      </c>
      <c r="D145" s="24">
        <v>3.04</v>
      </c>
      <c r="E145" s="24">
        <v>0.32</v>
      </c>
      <c r="F145" s="24">
        <v>19.68</v>
      </c>
      <c r="G145" s="12">
        <v>94</v>
      </c>
      <c r="H145" s="53" t="s">
        <v>31</v>
      </c>
    </row>
    <row r="146" spans="1:8" x14ac:dyDescent="0.2">
      <c r="A146" s="10" t="s">
        <v>22</v>
      </c>
      <c r="B146" s="11" t="s">
        <v>17</v>
      </c>
      <c r="C146" s="18" t="s">
        <v>18</v>
      </c>
      <c r="D146" s="24">
        <v>2.64</v>
      </c>
      <c r="E146" s="24">
        <v>0.48</v>
      </c>
      <c r="F146" s="24">
        <v>13.36</v>
      </c>
      <c r="G146" s="12">
        <v>69.599999999999994</v>
      </c>
      <c r="H146" s="13" t="s">
        <v>16</v>
      </c>
    </row>
    <row r="147" spans="1:8" s="8" customFormat="1" x14ac:dyDescent="0.2">
      <c r="A147" s="60" t="s">
        <v>21</v>
      </c>
      <c r="B147" s="61"/>
      <c r="C147" s="19">
        <v>880</v>
      </c>
      <c r="D147" s="25">
        <v>30.86</v>
      </c>
      <c r="E147" s="25">
        <v>42.78</v>
      </c>
      <c r="F147" s="25">
        <v>74.739999999999995</v>
      </c>
      <c r="G147" s="14">
        <v>810.55</v>
      </c>
      <c r="H147" s="15"/>
    </row>
    <row r="148" spans="1:8" s="8" customFormat="1" ht="13.5" thickBot="1" x14ac:dyDescent="0.25">
      <c r="A148" s="64" t="s">
        <v>34</v>
      </c>
      <c r="B148" s="65"/>
      <c r="C148" s="20">
        <v>1460</v>
      </c>
      <c r="D148" s="26">
        <v>64.790000000000006</v>
      </c>
      <c r="E148" s="26">
        <v>68.099999999999994</v>
      </c>
      <c r="F148" s="26">
        <v>173.36</v>
      </c>
      <c r="G148" s="16">
        <v>1575.23</v>
      </c>
      <c r="H148" s="17"/>
    </row>
    <row r="149" spans="1:8" s="8" customFormat="1" x14ac:dyDescent="0.2">
      <c r="A149" s="66" t="s">
        <v>102</v>
      </c>
      <c r="B149" s="67"/>
      <c r="C149" s="67"/>
      <c r="D149" s="67"/>
      <c r="E149" s="67"/>
      <c r="F149" s="67"/>
      <c r="G149" s="67"/>
      <c r="H149" s="68"/>
    </row>
    <row r="150" spans="1:8" ht="25.5" x14ac:dyDescent="0.2">
      <c r="A150" s="10" t="s">
        <v>11</v>
      </c>
      <c r="B150" s="11" t="s">
        <v>104</v>
      </c>
      <c r="C150" s="18" t="s">
        <v>114</v>
      </c>
      <c r="D150" s="24">
        <v>8.3699999999999992</v>
      </c>
      <c r="E150" s="24">
        <v>7.17</v>
      </c>
      <c r="F150" s="24">
        <v>37.869999999999997</v>
      </c>
      <c r="G150" s="12">
        <v>249.25</v>
      </c>
      <c r="H150" s="13" t="s">
        <v>103</v>
      </c>
    </row>
    <row r="151" spans="1:8" x14ac:dyDescent="0.2">
      <c r="A151" s="10" t="s">
        <v>11</v>
      </c>
      <c r="B151" s="11" t="s">
        <v>106</v>
      </c>
      <c r="C151" s="18" t="s">
        <v>18</v>
      </c>
      <c r="D151" s="24">
        <v>5.08</v>
      </c>
      <c r="E151" s="24">
        <v>4.5999999999999996</v>
      </c>
      <c r="F151" s="24">
        <v>0.28000000000000003</v>
      </c>
      <c r="G151" s="12">
        <v>62.8</v>
      </c>
      <c r="H151" s="13" t="s">
        <v>105</v>
      </c>
    </row>
    <row r="152" spans="1:8" x14ac:dyDescent="0.2">
      <c r="A152" s="10" t="s">
        <v>11</v>
      </c>
      <c r="B152" s="11" t="s">
        <v>40</v>
      </c>
      <c r="C152" s="18" t="s">
        <v>33</v>
      </c>
      <c r="D152" s="24">
        <v>3.75</v>
      </c>
      <c r="E152" s="24">
        <v>1.45</v>
      </c>
      <c r="F152" s="24">
        <v>25.7</v>
      </c>
      <c r="G152" s="12">
        <v>131</v>
      </c>
      <c r="H152" s="13" t="s">
        <v>39</v>
      </c>
    </row>
    <row r="153" spans="1:8" x14ac:dyDescent="0.2">
      <c r="A153" s="10" t="s">
        <v>11</v>
      </c>
      <c r="B153" s="11" t="s">
        <v>17</v>
      </c>
      <c r="C153" s="18" t="s">
        <v>18</v>
      </c>
      <c r="D153" s="24">
        <v>2.64</v>
      </c>
      <c r="E153" s="24">
        <v>0.48</v>
      </c>
      <c r="F153" s="24">
        <v>13.36</v>
      </c>
      <c r="G153" s="12">
        <v>69.599999999999994</v>
      </c>
      <c r="H153" s="13" t="s">
        <v>16</v>
      </c>
    </row>
    <row r="154" spans="1:8" x14ac:dyDescent="0.2">
      <c r="A154" s="10" t="s">
        <v>11</v>
      </c>
      <c r="B154" s="11" t="s">
        <v>83</v>
      </c>
      <c r="C154" s="18" t="s">
        <v>13</v>
      </c>
      <c r="D154" s="24">
        <v>3.18</v>
      </c>
      <c r="E154" s="24">
        <v>2.78</v>
      </c>
      <c r="F154" s="24">
        <v>15.08</v>
      </c>
      <c r="G154" s="12">
        <v>96.86</v>
      </c>
      <c r="H154" s="13" t="s">
        <v>82</v>
      </c>
    </row>
    <row r="155" spans="1:8" s="8" customFormat="1" x14ac:dyDescent="0.2">
      <c r="A155" s="60" t="s">
        <v>21</v>
      </c>
      <c r="B155" s="61"/>
      <c r="C155" s="19">
        <v>580</v>
      </c>
      <c r="D155" s="25">
        <v>23.02</v>
      </c>
      <c r="E155" s="25">
        <v>16.48</v>
      </c>
      <c r="F155" s="25">
        <v>92.289999999999992</v>
      </c>
      <c r="G155" s="14">
        <v>609.51</v>
      </c>
      <c r="H155" s="15"/>
    </row>
    <row r="156" spans="1:8" x14ac:dyDescent="0.2">
      <c r="A156" s="10" t="s">
        <v>22</v>
      </c>
      <c r="B156" s="11" t="s">
        <v>142</v>
      </c>
      <c r="C156" s="18">
        <v>100</v>
      </c>
      <c r="D156" s="24">
        <v>1.5</v>
      </c>
      <c r="E156" s="24">
        <v>5.5</v>
      </c>
      <c r="F156" s="24">
        <v>8.4</v>
      </c>
      <c r="G156" s="12">
        <v>89</v>
      </c>
      <c r="H156" s="53">
        <v>50</v>
      </c>
    </row>
    <row r="157" spans="1:8" x14ac:dyDescent="0.2">
      <c r="A157" s="10" t="s">
        <v>22</v>
      </c>
      <c r="B157" s="11" t="s">
        <v>108</v>
      </c>
      <c r="C157" s="18" t="s">
        <v>114</v>
      </c>
      <c r="D157" s="24">
        <v>9.6199999999999992</v>
      </c>
      <c r="E157" s="24">
        <v>5.85</v>
      </c>
      <c r="F157" s="24">
        <v>17.8</v>
      </c>
      <c r="G157" s="12">
        <v>162.85</v>
      </c>
      <c r="H157" s="13" t="s">
        <v>107</v>
      </c>
    </row>
    <row r="158" spans="1:8" ht="25.5" x14ac:dyDescent="0.2">
      <c r="A158" s="10" t="s">
        <v>22</v>
      </c>
      <c r="B158" s="11" t="s">
        <v>110</v>
      </c>
      <c r="C158" s="18" t="s">
        <v>116</v>
      </c>
      <c r="D158" s="24">
        <v>20.55</v>
      </c>
      <c r="E158" s="24">
        <v>16.72</v>
      </c>
      <c r="F158" s="24">
        <v>41.94</v>
      </c>
      <c r="G158" s="12">
        <v>400.68</v>
      </c>
      <c r="H158" s="13" t="s">
        <v>109</v>
      </c>
    </row>
    <row r="159" spans="1:8" x14ac:dyDescent="0.2">
      <c r="A159" s="10" t="s">
        <v>22</v>
      </c>
      <c r="B159" s="11" t="s">
        <v>139</v>
      </c>
      <c r="C159" s="18" t="s">
        <v>13</v>
      </c>
      <c r="D159" s="24">
        <v>0.5</v>
      </c>
      <c r="E159" s="24">
        <v>0</v>
      </c>
      <c r="F159" s="24">
        <v>27</v>
      </c>
      <c r="G159" s="12">
        <v>110</v>
      </c>
      <c r="H159" s="53">
        <v>508</v>
      </c>
    </row>
    <row r="160" spans="1:8" x14ac:dyDescent="0.2">
      <c r="A160" s="10" t="s">
        <v>22</v>
      </c>
      <c r="B160" s="11" t="s">
        <v>32</v>
      </c>
      <c r="C160" s="18" t="s">
        <v>33</v>
      </c>
      <c r="D160" s="24">
        <v>3.8</v>
      </c>
      <c r="E160" s="24">
        <v>0.4</v>
      </c>
      <c r="F160" s="24">
        <v>24.6</v>
      </c>
      <c r="G160" s="12">
        <v>117.5</v>
      </c>
      <c r="H160" s="13" t="s">
        <v>31</v>
      </c>
    </row>
    <row r="161" spans="1:8" x14ac:dyDescent="0.2">
      <c r="A161" s="10" t="s">
        <v>22</v>
      </c>
      <c r="B161" s="11" t="s">
        <v>17</v>
      </c>
      <c r="C161" s="18" t="s">
        <v>18</v>
      </c>
      <c r="D161" s="24">
        <v>2.64</v>
      </c>
      <c r="E161" s="24">
        <v>0.48</v>
      </c>
      <c r="F161" s="24">
        <v>13.36</v>
      </c>
      <c r="G161" s="12">
        <v>69.599999999999994</v>
      </c>
      <c r="H161" s="13" t="s">
        <v>16</v>
      </c>
    </row>
    <row r="162" spans="1:8" s="8" customFormat="1" x14ac:dyDescent="0.2">
      <c r="A162" s="60" t="s">
        <v>21</v>
      </c>
      <c r="B162" s="61"/>
      <c r="C162" s="19">
        <v>920</v>
      </c>
      <c r="D162" s="25">
        <v>38.61</v>
      </c>
      <c r="E162" s="25">
        <v>28.95</v>
      </c>
      <c r="F162" s="25">
        <v>133.1</v>
      </c>
      <c r="G162" s="14">
        <v>949.63</v>
      </c>
      <c r="H162" s="15"/>
    </row>
    <row r="163" spans="1:8" s="8" customFormat="1" ht="13.5" thickBot="1" x14ac:dyDescent="0.25">
      <c r="A163" s="64" t="s">
        <v>34</v>
      </c>
      <c r="B163" s="65"/>
      <c r="C163" s="20">
        <v>1500</v>
      </c>
      <c r="D163" s="26">
        <v>61.63</v>
      </c>
      <c r="E163" s="26">
        <v>45.43</v>
      </c>
      <c r="F163" s="26">
        <v>225.39</v>
      </c>
      <c r="G163" s="16">
        <v>1559.14</v>
      </c>
      <c r="H163" s="17"/>
    </row>
    <row r="164" spans="1:8" s="8" customFormat="1" x14ac:dyDescent="0.2">
      <c r="A164" s="66" t="s">
        <v>111</v>
      </c>
      <c r="B164" s="67"/>
      <c r="C164" s="29">
        <v>14855</v>
      </c>
      <c r="D164" s="30">
        <v>504.96</v>
      </c>
      <c r="E164" s="30">
        <v>536.44000000000005</v>
      </c>
      <c r="F164" s="30">
        <v>1923.65</v>
      </c>
      <c r="G164" s="31">
        <v>15217.72</v>
      </c>
      <c r="H164" s="32"/>
    </row>
    <row r="165" spans="1:8" s="8" customFormat="1" x14ac:dyDescent="0.2">
      <c r="A165" s="60" t="s">
        <v>112</v>
      </c>
      <c r="B165" s="61"/>
      <c r="C165" s="19">
        <v>1485.5</v>
      </c>
      <c r="D165" s="25">
        <v>50.5</v>
      </c>
      <c r="E165" s="25">
        <v>53.64</v>
      </c>
      <c r="F165" s="25">
        <v>192.37</v>
      </c>
      <c r="G165" s="14">
        <v>1521.77</v>
      </c>
      <c r="H165" s="15"/>
    </row>
    <row r="166" spans="1:8" s="28" customFormat="1" ht="30" customHeight="1" thickBot="1" x14ac:dyDescent="0.25">
      <c r="A166" s="62" t="s">
        <v>113</v>
      </c>
      <c r="B166" s="63"/>
      <c r="C166" s="33"/>
      <c r="D166" s="34"/>
      <c r="E166" s="34"/>
      <c r="F166" s="34"/>
      <c r="G166" s="35"/>
      <c r="H166" s="36"/>
    </row>
  </sheetData>
  <mergeCells count="50">
    <mergeCell ref="B2:G2"/>
    <mergeCell ref="A53:B53"/>
    <mergeCell ref="H6:H7"/>
    <mergeCell ref="A8:H8"/>
    <mergeCell ref="A123:B123"/>
    <mergeCell ref="A131:B131"/>
    <mergeCell ref="A132:B132"/>
    <mergeCell ref="A23:H23"/>
    <mergeCell ref="A6:A7"/>
    <mergeCell ref="B6:B7"/>
    <mergeCell ref="C6:C7"/>
    <mergeCell ref="D6:F6"/>
    <mergeCell ref="G6:G7"/>
    <mergeCell ref="A29:B29"/>
    <mergeCell ref="A37:B37"/>
    <mergeCell ref="A38:B38"/>
    <mergeCell ref="A39:H39"/>
    <mergeCell ref="A45:B45"/>
    <mergeCell ref="A101:B101"/>
    <mergeCell ref="A54:B54"/>
    <mergeCell ref="A55:H55"/>
    <mergeCell ref="A62:B62"/>
    <mergeCell ref="A70:B70"/>
    <mergeCell ref="A71:B71"/>
    <mergeCell ref="A72:H72"/>
    <mergeCell ref="A77:B77"/>
    <mergeCell ref="A85:B85"/>
    <mergeCell ref="A86:B86"/>
    <mergeCell ref="A87:H87"/>
    <mergeCell ref="A93:B93"/>
    <mergeCell ref="A147:B147"/>
    <mergeCell ref="A102:B102"/>
    <mergeCell ref="A103:H103"/>
    <mergeCell ref="A108:B108"/>
    <mergeCell ref="A116:B116"/>
    <mergeCell ref="A117:B117"/>
    <mergeCell ref="A118:H118"/>
    <mergeCell ref="A13:B13"/>
    <mergeCell ref="A21:B21"/>
    <mergeCell ref="A22:B22"/>
    <mergeCell ref="A133:H133"/>
    <mergeCell ref="A140:B140"/>
    <mergeCell ref="A165:B165"/>
    <mergeCell ref="A166:B166"/>
    <mergeCell ref="A148:B148"/>
    <mergeCell ref="A149:H149"/>
    <mergeCell ref="A155:B155"/>
    <mergeCell ref="A162:B162"/>
    <mergeCell ref="A163:B163"/>
    <mergeCell ref="A164:B164"/>
  </mergeCells>
  <pageMargins left="0.70866141732283472" right="0.70866141732283472" top="0.74803149606299213" bottom="0.74803149606299213" header="0.31496062992125984" footer="0.31496062992125984"/>
  <pageSetup paperSize="9" fitToHeight="0" orientation="landscape" r:id="rId1"/>
  <rowBreaks count="9" manualBreakCount="9">
    <brk id="22" max="16383" man="1"/>
    <brk id="38" max="16383" man="1"/>
    <brk id="54" max="16383" man="1"/>
    <brk id="71" max="16383" man="1"/>
    <brk id="86" max="16383" man="1"/>
    <brk id="102" max="16383" man="1"/>
    <brk id="117" max="16383" man="1"/>
    <brk id="132" max="16383" man="1"/>
    <brk id="148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H167"/>
  <sheetViews>
    <sheetView view="pageBreakPreview" topLeftCell="A127" zoomScaleNormal="100" zoomScaleSheetLayoutView="100" workbookViewId="0">
      <selection activeCell="G115" sqref="G115"/>
    </sheetView>
  </sheetViews>
  <sheetFormatPr defaultRowHeight="12.75" x14ac:dyDescent="0.2"/>
  <cols>
    <col min="1" max="1" width="11" customWidth="1"/>
    <col min="2" max="2" width="41.7109375" style="9" customWidth="1"/>
    <col min="3" max="3" width="10.7109375" style="21" customWidth="1"/>
    <col min="4" max="6" width="10.7109375" style="27" customWidth="1"/>
    <col min="7" max="7" width="17" customWidth="1"/>
    <col min="8" max="8" width="15.7109375" customWidth="1"/>
    <col min="9" max="11" width="7.7109375" customWidth="1"/>
  </cols>
  <sheetData>
    <row r="1" spans="1:8" s="2" customFormat="1" ht="15" x14ac:dyDescent="0.2">
      <c r="A1" s="3"/>
      <c r="B1" s="69" t="s">
        <v>117</v>
      </c>
      <c r="C1" s="69"/>
      <c r="D1" s="69"/>
      <c r="E1" s="69"/>
      <c r="F1" s="69"/>
      <c r="G1" s="69"/>
      <c r="H1" s="5"/>
    </row>
    <row r="2" spans="1:8" s="2" customFormat="1" x14ac:dyDescent="0.2">
      <c r="A2" s="1"/>
      <c r="C2" s="4"/>
      <c r="D2" s="22"/>
      <c r="E2" s="22"/>
      <c r="F2" s="22"/>
      <c r="G2" s="5"/>
      <c r="H2" s="5"/>
    </row>
    <row r="3" spans="1:8" s="2" customFormat="1" ht="24" x14ac:dyDescent="0.2">
      <c r="A3" s="37" t="s">
        <v>7</v>
      </c>
      <c r="B3" s="2" t="s">
        <v>118</v>
      </c>
      <c r="C3" s="4"/>
      <c r="D3" s="22"/>
      <c r="E3" s="22"/>
      <c r="F3" s="22"/>
      <c r="G3" s="5"/>
      <c r="H3" s="5"/>
    </row>
    <row r="4" spans="1:8" s="2" customFormat="1" ht="13.5" thickBot="1" x14ac:dyDescent="0.25">
      <c r="A4" s="3"/>
      <c r="C4" s="4"/>
      <c r="D4" s="22"/>
      <c r="E4" s="22"/>
      <c r="F4" s="22"/>
      <c r="G4" s="5"/>
      <c r="H4" s="5"/>
    </row>
    <row r="5" spans="1:8" s="6" customFormat="1" ht="33" customHeight="1" x14ac:dyDescent="0.2">
      <c r="A5" s="72" t="s">
        <v>0</v>
      </c>
      <c r="B5" s="74" t="s">
        <v>1</v>
      </c>
      <c r="C5" s="76" t="s">
        <v>6</v>
      </c>
      <c r="D5" s="78" t="s">
        <v>8</v>
      </c>
      <c r="E5" s="78"/>
      <c r="F5" s="78"/>
      <c r="G5" s="79" t="s">
        <v>9</v>
      </c>
      <c r="H5" s="70" t="s">
        <v>5</v>
      </c>
    </row>
    <row r="6" spans="1:8" s="7" customFormat="1" ht="13.5" thickBot="1" x14ac:dyDescent="0.25">
      <c r="A6" s="73"/>
      <c r="B6" s="75"/>
      <c r="C6" s="77"/>
      <c r="D6" s="23" t="s">
        <v>2</v>
      </c>
      <c r="E6" s="23" t="s">
        <v>3</v>
      </c>
      <c r="F6" s="23" t="s">
        <v>4</v>
      </c>
      <c r="G6" s="80"/>
      <c r="H6" s="71"/>
    </row>
    <row r="7" spans="1:8" s="8" customFormat="1" x14ac:dyDescent="0.2">
      <c r="A7" s="88" t="s">
        <v>10</v>
      </c>
      <c r="B7" s="89"/>
      <c r="C7" s="89"/>
      <c r="D7" s="89"/>
      <c r="E7" s="89"/>
      <c r="F7" s="89"/>
      <c r="G7" s="89"/>
      <c r="H7" s="90"/>
    </row>
    <row r="8" spans="1:8" x14ac:dyDescent="0.2">
      <c r="A8" s="10" t="s">
        <v>11</v>
      </c>
      <c r="B8" s="11" t="s">
        <v>148</v>
      </c>
      <c r="C8" s="18">
        <v>200</v>
      </c>
      <c r="D8" s="24">
        <v>7.8</v>
      </c>
      <c r="E8" s="24">
        <v>9.4600000000000009</v>
      </c>
      <c r="F8" s="24">
        <v>35.799999999999997</v>
      </c>
      <c r="G8" s="12">
        <v>283.60000000000002</v>
      </c>
      <c r="H8" s="53">
        <v>267</v>
      </c>
    </row>
    <row r="9" spans="1:8" x14ac:dyDescent="0.2">
      <c r="A9" s="10" t="s">
        <v>11</v>
      </c>
      <c r="B9" s="11" t="s">
        <v>149</v>
      </c>
      <c r="C9" s="18">
        <v>200</v>
      </c>
      <c r="D9" s="24">
        <v>1.5</v>
      </c>
      <c r="E9" s="24">
        <v>1.3</v>
      </c>
      <c r="F9" s="24">
        <v>15.9</v>
      </c>
      <c r="G9" s="12">
        <v>81</v>
      </c>
      <c r="H9" s="53" t="s">
        <v>150</v>
      </c>
    </row>
    <row r="10" spans="1:8" x14ac:dyDescent="0.2">
      <c r="A10" s="10" t="s">
        <v>11</v>
      </c>
      <c r="B10" s="11" t="s">
        <v>15</v>
      </c>
      <c r="C10" s="48">
        <v>60</v>
      </c>
      <c r="D10" s="49">
        <v>4.0999999999999996</v>
      </c>
      <c r="E10" s="49">
        <v>3.3</v>
      </c>
      <c r="F10" s="49">
        <v>11</v>
      </c>
      <c r="G10" s="50">
        <v>88</v>
      </c>
      <c r="H10" s="53">
        <v>1118</v>
      </c>
    </row>
    <row r="11" spans="1:8" x14ac:dyDescent="0.2">
      <c r="A11" s="10" t="s">
        <v>11</v>
      </c>
      <c r="B11" s="11" t="s">
        <v>17</v>
      </c>
      <c r="C11" s="18" t="s">
        <v>18</v>
      </c>
      <c r="D11" s="24">
        <v>2.64</v>
      </c>
      <c r="E11" s="24">
        <v>0.48</v>
      </c>
      <c r="F11" s="24">
        <v>13.36</v>
      </c>
      <c r="G11" s="12">
        <v>69.599999999999994</v>
      </c>
      <c r="H11" s="53" t="s">
        <v>16</v>
      </c>
    </row>
    <row r="12" spans="1:8" x14ac:dyDescent="0.2">
      <c r="A12" s="60" t="s">
        <v>21</v>
      </c>
      <c r="B12" s="61"/>
      <c r="C12" s="19">
        <v>500</v>
      </c>
      <c r="D12" s="25">
        <v>16.04</v>
      </c>
      <c r="E12" s="25">
        <v>14.54</v>
      </c>
      <c r="F12" s="25">
        <v>76.06</v>
      </c>
      <c r="G12" s="14">
        <v>522.20000000000005</v>
      </c>
      <c r="H12" s="54"/>
    </row>
    <row r="13" spans="1:8" s="8" customFormat="1" x14ac:dyDescent="0.2">
      <c r="A13" s="59" t="s">
        <v>22</v>
      </c>
      <c r="B13" s="11" t="s">
        <v>24</v>
      </c>
      <c r="C13" s="18" t="s">
        <v>25</v>
      </c>
      <c r="D13" s="24">
        <v>0.66</v>
      </c>
      <c r="E13" s="24">
        <v>0.12</v>
      </c>
      <c r="F13" s="24">
        <v>2.2799999999999998</v>
      </c>
      <c r="G13" s="12">
        <v>14.4</v>
      </c>
      <c r="H13" s="53" t="s">
        <v>23</v>
      </c>
    </row>
    <row r="14" spans="1:8" s="8" customFormat="1" x14ac:dyDescent="0.2">
      <c r="A14" s="59" t="s">
        <v>22</v>
      </c>
      <c r="B14" s="11" t="s">
        <v>145</v>
      </c>
      <c r="C14" s="18" t="s">
        <v>13</v>
      </c>
      <c r="D14" s="24">
        <v>4.57</v>
      </c>
      <c r="E14" s="24">
        <v>3.01</v>
      </c>
      <c r="F14" s="24">
        <v>17.54</v>
      </c>
      <c r="G14" s="12">
        <v>115.92</v>
      </c>
      <c r="H14" s="53">
        <v>144</v>
      </c>
    </row>
    <row r="15" spans="1:8" s="8" customFormat="1" x14ac:dyDescent="0.2">
      <c r="A15" s="59" t="s">
        <v>22</v>
      </c>
      <c r="B15" s="11" t="s">
        <v>84</v>
      </c>
      <c r="C15" s="18" t="s">
        <v>28</v>
      </c>
      <c r="D15" s="24">
        <v>5.55</v>
      </c>
      <c r="E15" s="24">
        <v>6.85</v>
      </c>
      <c r="F15" s="24">
        <v>37.08</v>
      </c>
      <c r="G15" s="12">
        <v>250.05</v>
      </c>
      <c r="H15" s="53">
        <v>237</v>
      </c>
    </row>
    <row r="16" spans="1:8" s="8" customFormat="1" x14ac:dyDescent="0.2">
      <c r="A16" s="59" t="s">
        <v>22</v>
      </c>
      <c r="B16" s="11" t="s">
        <v>85</v>
      </c>
      <c r="C16" s="18">
        <v>100</v>
      </c>
      <c r="D16" s="24">
        <v>9.25</v>
      </c>
      <c r="E16" s="24">
        <v>11.25</v>
      </c>
      <c r="F16" s="24">
        <v>3.42</v>
      </c>
      <c r="G16" s="12">
        <v>160</v>
      </c>
      <c r="H16" s="53">
        <v>144</v>
      </c>
    </row>
    <row r="17" spans="1:8" s="8" customFormat="1" x14ac:dyDescent="0.2">
      <c r="A17" s="59" t="s">
        <v>22</v>
      </c>
      <c r="B17" s="11" t="s">
        <v>32</v>
      </c>
      <c r="C17" s="18">
        <v>40</v>
      </c>
      <c r="D17" s="24">
        <v>3.04</v>
      </c>
      <c r="E17" s="24">
        <v>0.32</v>
      </c>
      <c r="F17" s="24">
        <v>19.68</v>
      </c>
      <c r="G17" s="12">
        <v>94</v>
      </c>
      <c r="H17" s="53" t="s">
        <v>31</v>
      </c>
    </row>
    <row r="18" spans="1:8" s="8" customFormat="1" x14ac:dyDescent="0.2">
      <c r="A18" s="59" t="s">
        <v>22</v>
      </c>
      <c r="B18" s="11" t="s">
        <v>17</v>
      </c>
      <c r="C18" s="18">
        <v>20</v>
      </c>
      <c r="D18" s="24">
        <v>1.32</v>
      </c>
      <c r="E18" s="24">
        <v>0.24</v>
      </c>
      <c r="F18" s="24">
        <v>6.68</v>
      </c>
      <c r="G18" s="12">
        <v>34.799999999999997</v>
      </c>
      <c r="H18" s="53" t="s">
        <v>16</v>
      </c>
    </row>
    <row r="19" spans="1:8" s="8" customFormat="1" x14ac:dyDescent="0.2">
      <c r="A19" s="59" t="s">
        <v>22</v>
      </c>
      <c r="B19" s="11" t="s">
        <v>146</v>
      </c>
      <c r="C19" s="18" t="s">
        <v>13</v>
      </c>
      <c r="D19" s="24">
        <v>0.5</v>
      </c>
      <c r="E19" s="24">
        <v>0.2</v>
      </c>
      <c r="F19" s="24">
        <v>23.1</v>
      </c>
      <c r="G19" s="12">
        <v>96</v>
      </c>
      <c r="H19" s="53">
        <v>507</v>
      </c>
    </row>
    <row r="20" spans="1:8" x14ac:dyDescent="0.2">
      <c r="A20" s="60" t="s">
        <v>21</v>
      </c>
      <c r="B20" s="61"/>
      <c r="C20" s="19">
        <v>790</v>
      </c>
      <c r="D20" s="25">
        <v>20.75</v>
      </c>
      <c r="E20" s="25">
        <v>27.12</v>
      </c>
      <c r="F20" s="25">
        <v>80.59</v>
      </c>
      <c r="G20" s="14">
        <v>650.26</v>
      </c>
      <c r="H20" s="54"/>
    </row>
    <row r="21" spans="1:8" ht="13.5" thickBot="1" x14ac:dyDescent="0.25">
      <c r="A21" s="64" t="s">
        <v>34</v>
      </c>
      <c r="B21" s="65"/>
      <c r="C21" s="20">
        <v>1290</v>
      </c>
      <c r="D21" s="26">
        <v>36.79</v>
      </c>
      <c r="E21" s="26">
        <v>41.66</v>
      </c>
      <c r="F21" s="26">
        <v>156.65</v>
      </c>
      <c r="G21" s="16">
        <v>1172.46</v>
      </c>
      <c r="H21" s="17"/>
    </row>
    <row r="22" spans="1:8" s="8" customFormat="1" x14ac:dyDescent="0.2">
      <c r="A22" s="88" t="s">
        <v>35</v>
      </c>
      <c r="B22" s="89"/>
      <c r="C22" s="89"/>
      <c r="D22" s="89"/>
      <c r="E22" s="89"/>
      <c r="F22" s="89"/>
      <c r="G22" s="89"/>
      <c r="H22" s="90"/>
    </row>
    <row r="23" spans="1:8" x14ac:dyDescent="0.2">
      <c r="A23" s="10" t="s">
        <v>11</v>
      </c>
      <c r="B23" s="11" t="s">
        <v>133</v>
      </c>
      <c r="C23" s="18">
        <v>115</v>
      </c>
      <c r="D23" s="24">
        <v>6.61</v>
      </c>
      <c r="E23" s="24">
        <v>4.2300000000000004</v>
      </c>
      <c r="F23" s="24">
        <v>11.24</v>
      </c>
      <c r="G23" s="12">
        <v>115.06</v>
      </c>
      <c r="H23" s="53">
        <v>517</v>
      </c>
    </row>
    <row r="24" spans="1:8" x14ac:dyDescent="0.2">
      <c r="A24" s="10" t="s">
        <v>11</v>
      </c>
      <c r="B24" s="11" t="s">
        <v>134</v>
      </c>
      <c r="C24" s="18">
        <v>200</v>
      </c>
      <c r="D24" s="24">
        <v>5.54</v>
      </c>
      <c r="E24" s="24">
        <v>8.6199999999999992</v>
      </c>
      <c r="F24" s="24">
        <v>32.4</v>
      </c>
      <c r="G24" s="12">
        <v>229.4</v>
      </c>
      <c r="H24" s="53">
        <v>268</v>
      </c>
    </row>
    <row r="25" spans="1:8" x14ac:dyDescent="0.2">
      <c r="A25" s="10" t="s">
        <v>11</v>
      </c>
      <c r="B25" s="11" t="s">
        <v>135</v>
      </c>
      <c r="C25" s="18">
        <v>5</v>
      </c>
      <c r="D25" s="24">
        <v>1.3</v>
      </c>
      <c r="E25" s="24">
        <v>1.33</v>
      </c>
      <c r="F25" s="24">
        <v>0.18</v>
      </c>
      <c r="G25" s="12">
        <v>17.78</v>
      </c>
      <c r="H25" s="53">
        <v>100</v>
      </c>
    </row>
    <row r="26" spans="1:8" x14ac:dyDescent="0.2">
      <c r="A26" s="10" t="s">
        <v>11</v>
      </c>
      <c r="B26" s="11" t="s">
        <v>136</v>
      </c>
      <c r="C26" s="18">
        <v>200</v>
      </c>
      <c r="D26" s="24">
        <v>0.4</v>
      </c>
      <c r="E26" s="24">
        <v>0</v>
      </c>
      <c r="F26" s="24">
        <v>20</v>
      </c>
      <c r="G26" s="12">
        <v>80</v>
      </c>
      <c r="H26" s="53">
        <v>616</v>
      </c>
    </row>
    <row r="27" spans="1:8" x14ac:dyDescent="0.2">
      <c r="A27" s="10" t="s">
        <v>11</v>
      </c>
      <c r="B27" s="11" t="s">
        <v>40</v>
      </c>
      <c r="C27" s="18">
        <v>20</v>
      </c>
      <c r="D27" s="24">
        <v>1.5</v>
      </c>
      <c r="E27" s="24">
        <v>0.57999999999999996</v>
      </c>
      <c r="F27" s="24">
        <v>10.28</v>
      </c>
      <c r="G27" s="12">
        <v>52.4</v>
      </c>
      <c r="H27" s="53">
        <v>111</v>
      </c>
    </row>
    <row r="28" spans="1:8" s="8" customFormat="1" x14ac:dyDescent="0.2">
      <c r="A28" s="60" t="s">
        <v>21</v>
      </c>
      <c r="B28" s="61"/>
      <c r="C28" s="19">
        <v>540</v>
      </c>
      <c r="D28" s="25">
        <v>15.35</v>
      </c>
      <c r="E28" s="25">
        <v>14.76</v>
      </c>
      <c r="F28" s="25">
        <v>74.099999999999994</v>
      </c>
      <c r="G28" s="14">
        <v>494.64</v>
      </c>
      <c r="H28" s="54"/>
    </row>
    <row r="29" spans="1:8" x14ac:dyDescent="0.2">
      <c r="A29" s="10" t="s">
        <v>22</v>
      </c>
      <c r="B29" s="11" t="s">
        <v>42</v>
      </c>
      <c r="C29" s="18" t="s">
        <v>25</v>
      </c>
      <c r="D29" s="24">
        <v>0.48</v>
      </c>
      <c r="E29" s="24">
        <v>0.06</v>
      </c>
      <c r="F29" s="24">
        <v>1.5</v>
      </c>
      <c r="G29" s="12">
        <v>8.4</v>
      </c>
      <c r="H29" s="53">
        <v>107</v>
      </c>
    </row>
    <row r="30" spans="1:8" x14ac:dyDescent="0.2">
      <c r="A30" s="10" t="s">
        <v>22</v>
      </c>
      <c r="B30" s="11" t="s">
        <v>137</v>
      </c>
      <c r="C30" s="18">
        <v>250</v>
      </c>
      <c r="D30" s="24">
        <v>2.0699999999999998</v>
      </c>
      <c r="E30" s="24">
        <v>5.2</v>
      </c>
      <c r="F30" s="24">
        <v>14.8</v>
      </c>
      <c r="G30" s="12">
        <v>106.25</v>
      </c>
      <c r="H30" s="53">
        <v>132</v>
      </c>
    </row>
    <row r="31" spans="1:8" x14ac:dyDescent="0.2">
      <c r="A31" s="10" t="s">
        <v>22</v>
      </c>
      <c r="B31" s="11" t="s">
        <v>44</v>
      </c>
      <c r="C31" s="18" t="s">
        <v>28</v>
      </c>
      <c r="D31" s="24">
        <v>2.2000000000000002</v>
      </c>
      <c r="E31" s="24">
        <v>3.13</v>
      </c>
      <c r="F31" s="24">
        <v>8.67</v>
      </c>
      <c r="G31" s="12">
        <v>149.66999999999999</v>
      </c>
      <c r="H31" s="53">
        <v>174</v>
      </c>
    </row>
    <row r="32" spans="1:8" x14ac:dyDescent="0.2">
      <c r="A32" s="10" t="s">
        <v>22</v>
      </c>
      <c r="B32" s="11" t="s">
        <v>138</v>
      </c>
      <c r="C32" s="18">
        <v>100</v>
      </c>
      <c r="D32" s="24">
        <v>13.37</v>
      </c>
      <c r="E32" s="24">
        <v>10.130000000000001</v>
      </c>
      <c r="F32" s="24">
        <v>15.28</v>
      </c>
      <c r="G32" s="12">
        <v>164.6</v>
      </c>
      <c r="H32" s="53">
        <v>334</v>
      </c>
    </row>
    <row r="33" spans="1:8" x14ac:dyDescent="0.2">
      <c r="A33" s="10" t="s">
        <v>22</v>
      </c>
      <c r="B33" s="11" t="s">
        <v>139</v>
      </c>
      <c r="C33" s="18" t="s">
        <v>13</v>
      </c>
      <c r="D33" s="24">
        <v>0.5</v>
      </c>
      <c r="E33" s="24">
        <v>0</v>
      </c>
      <c r="F33" s="24">
        <v>27</v>
      </c>
      <c r="G33" s="12">
        <v>110</v>
      </c>
      <c r="H33" s="53">
        <v>508</v>
      </c>
    </row>
    <row r="34" spans="1:8" x14ac:dyDescent="0.2">
      <c r="A34" s="10" t="s">
        <v>22</v>
      </c>
      <c r="B34" s="11" t="s">
        <v>17</v>
      </c>
      <c r="C34" s="18" t="s">
        <v>18</v>
      </c>
      <c r="D34" s="24">
        <v>2.64</v>
      </c>
      <c r="E34" s="24">
        <v>0.48</v>
      </c>
      <c r="F34" s="24">
        <v>13.36</v>
      </c>
      <c r="G34" s="12">
        <v>69.599999999999994</v>
      </c>
      <c r="H34" s="53" t="s">
        <v>16</v>
      </c>
    </row>
    <row r="35" spans="1:8" x14ac:dyDescent="0.2">
      <c r="A35" s="10" t="s">
        <v>22</v>
      </c>
      <c r="B35" s="11" t="s">
        <v>32</v>
      </c>
      <c r="C35" s="18">
        <v>40</v>
      </c>
      <c r="D35" s="24">
        <v>1.52</v>
      </c>
      <c r="E35" s="24">
        <v>0.32</v>
      </c>
      <c r="F35" s="24">
        <v>19.68</v>
      </c>
      <c r="G35" s="12">
        <v>94</v>
      </c>
      <c r="H35" s="53" t="s">
        <v>31</v>
      </c>
    </row>
    <row r="36" spans="1:8" s="8" customFormat="1" x14ac:dyDescent="0.2">
      <c r="A36" s="60" t="s">
        <v>21</v>
      </c>
      <c r="B36" s="61"/>
      <c r="C36" s="19">
        <v>840</v>
      </c>
      <c r="D36" s="25">
        <v>22.78</v>
      </c>
      <c r="E36" s="25">
        <v>19.32</v>
      </c>
      <c r="F36" s="25">
        <v>100.29</v>
      </c>
      <c r="G36" s="14">
        <v>702.52</v>
      </c>
      <c r="H36" s="15"/>
    </row>
    <row r="37" spans="1:8" s="8" customFormat="1" ht="13.5" thickBot="1" x14ac:dyDescent="0.25">
      <c r="A37" s="64" t="s">
        <v>34</v>
      </c>
      <c r="B37" s="65"/>
      <c r="C37" s="20">
        <v>1380</v>
      </c>
      <c r="D37" s="26">
        <v>38.130000000000003</v>
      </c>
      <c r="E37" s="26">
        <v>34.08</v>
      </c>
      <c r="F37" s="26">
        <v>174.39</v>
      </c>
      <c r="G37" s="16">
        <v>1197.1600000000001</v>
      </c>
      <c r="H37" s="17"/>
    </row>
    <row r="38" spans="1:8" s="8" customFormat="1" x14ac:dyDescent="0.2">
      <c r="A38" s="66" t="s">
        <v>89</v>
      </c>
      <c r="B38" s="67"/>
      <c r="C38" s="67"/>
      <c r="D38" s="67"/>
      <c r="E38" s="67"/>
      <c r="F38" s="67"/>
      <c r="G38" s="67"/>
      <c r="H38" s="68"/>
    </row>
    <row r="39" spans="1:8" x14ac:dyDescent="0.2">
      <c r="A39" s="10" t="s">
        <v>11</v>
      </c>
      <c r="B39" s="11" t="s">
        <v>47</v>
      </c>
      <c r="C39" s="18" t="s">
        <v>13</v>
      </c>
      <c r="D39" s="24">
        <v>5.7</v>
      </c>
      <c r="E39" s="24">
        <v>5.26</v>
      </c>
      <c r="F39" s="24">
        <v>18.98</v>
      </c>
      <c r="G39" s="12">
        <v>146</v>
      </c>
      <c r="H39" s="53" t="s">
        <v>46</v>
      </c>
    </row>
    <row r="40" spans="1:8" x14ac:dyDescent="0.2">
      <c r="A40" s="10" t="s">
        <v>11</v>
      </c>
      <c r="B40" s="11" t="s">
        <v>49</v>
      </c>
      <c r="C40" s="18" t="s">
        <v>13</v>
      </c>
      <c r="D40" s="24">
        <v>3.6</v>
      </c>
      <c r="E40" s="24">
        <v>3.3</v>
      </c>
      <c r="F40" s="24">
        <v>25</v>
      </c>
      <c r="G40" s="12">
        <v>144</v>
      </c>
      <c r="H40" s="53">
        <v>496</v>
      </c>
    </row>
    <row r="41" spans="1:8" x14ac:dyDescent="0.2">
      <c r="A41" s="10" t="s">
        <v>11</v>
      </c>
      <c r="B41" s="11" t="s">
        <v>15</v>
      </c>
      <c r="C41" s="18">
        <v>60</v>
      </c>
      <c r="D41" s="49">
        <v>4.0999999999999996</v>
      </c>
      <c r="E41" s="49">
        <v>3.3</v>
      </c>
      <c r="F41" s="49">
        <v>11</v>
      </c>
      <c r="G41" s="50">
        <v>88</v>
      </c>
      <c r="H41" s="51">
        <v>1118</v>
      </c>
    </row>
    <row r="42" spans="1:8" x14ac:dyDescent="0.2">
      <c r="A42" s="10" t="s">
        <v>11</v>
      </c>
      <c r="B42" s="11" t="s">
        <v>17</v>
      </c>
      <c r="C42" s="18" t="s">
        <v>18</v>
      </c>
      <c r="D42" s="24">
        <v>2.64</v>
      </c>
      <c r="E42" s="24">
        <v>0.48</v>
      </c>
      <c r="F42" s="24">
        <v>13.36</v>
      </c>
      <c r="G42" s="12">
        <v>69.599999999999994</v>
      </c>
      <c r="H42" s="53" t="s">
        <v>16</v>
      </c>
    </row>
    <row r="43" spans="1:8" x14ac:dyDescent="0.2">
      <c r="A43" s="10" t="s">
        <v>11</v>
      </c>
      <c r="B43" s="11" t="s">
        <v>51</v>
      </c>
      <c r="C43" s="18">
        <v>100</v>
      </c>
      <c r="D43" s="24">
        <v>0.4</v>
      </c>
      <c r="E43" s="24">
        <v>0.4</v>
      </c>
      <c r="F43" s="24">
        <v>9.8000000000000007</v>
      </c>
      <c r="G43" s="12">
        <v>47</v>
      </c>
      <c r="H43" s="53" t="s">
        <v>50</v>
      </c>
    </row>
    <row r="44" spans="1:8" s="8" customFormat="1" x14ac:dyDescent="0.2">
      <c r="A44" s="60" t="s">
        <v>21</v>
      </c>
      <c r="B44" s="61"/>
      <c r="C44" s="19">
        <v>600</v>
      </c>
      <c r="D44" s="25">
        <v>16.440000000000001</v>
      </c>
      <c r="E44" s="25">
        <v>12.74</v>
      </c>
      <c r="F44" s="25">
        <v>78.14</v>
      </c>
      <c r="G44" s="14">
        <v>494.6</v>
      </c>
      <c r="H44" s="54"/>
    </row>
    <row r="45" spans="1:8" x14ac:dyDescent="0.2">
      <c r="A45" s="10" t="s">
        <v>22</v>
      </c>
      <c r="B45" s="11" t="s">
        <v>53</v>
      </c>
      <c r="C45" s="18">
        <v>60</v>
      </c>
      <c r="D45" s="24">
        <v>1.51</v>
      </c>
      <c r="E45" s="24">
        <v>6.08</v>
      </c>
      <c r="F45" s="24">
        <v>6.23</v>
      </c>
      <c r="G45" s="12">
        <v>86.32</v>
      </c>
      <c r="H45" s="53" t="s">
        <v>52</v>
      </c>
    </row>
    <row r="46" spans="1:8" x14ac:dyDescent="0.2">
      <c r="A46" s="10" t="s">
        <v>22</v>
      </c>
      <c r="B46" s="11" t="s">
        <v>55</v>
      </c>
      <c r="C46" s="18" t="s">
        <v>13</v>
      </c>
      <c r="D46" s="24">
        <v>1.92</v>
      </c>
      <c r="E46" s="24">
        <v>5.18</v>
      </c>
      <c r="F46" s="24">
        <v>9.44</v>
      </c>
      <c r="G46" s="12">
        <v>92.7</v>
      </c>
      <c r="H46" s="53">
        <v>128</v>
      </c>
    </row>
    <row r="47" spans="1:8" x14ac:dyDescent="0.2">
      <c r="A47" s="10" t="s">
        <v>22</v>
      </c>
      <c r="B47" s="11" t="s">
        <v>57</v>
      </c>
      <c r="C47" s="18" t="s">
        <v>28</v>
      </c>
      <c r="D47" s="24">
        <v>3.76</v>
      </c>
      <c r="E47" s="24">
        <v>3</v>
      </c>
      <c r="F47" s="24">
        <v>39.29</v>
      </c>
      <c r="G47" s="12">
        <v>199.14</v>
      </c>
      <c r="H47" s="53" t="s">
        <v>56</v>
      </c>
    </row>
    <row r="48" spans="1:8" x14ac:dyDescent="0.2">
      <c r="A48" s="10" t="s">
        <v>22</v>
      </c>
      <c r="B48" s="11" t="s">
        <v>58</v>
      </c>
      <c r="C48" s="18">
        <v>90</v>
      </c>
      <c r="D48" s="24">
        <v>13.5</v>
      </c>
      <c r="E48" s="24">
        <v>9.64</v>
      </c>
      <c r="F48" s="24">
        <v>18.36</v>
      </c>
      <c r="G48" s="12">
        <v>169.71</v>
      </c>
      <c r="H48" s="53">
        <v>412</v>
      </c>
    </row>
    <row r="49" spans="1:8" x14ac:dyDescent="0.2">
      <c r="A49" s="10" t="s">
        <v>22</v>
      </c>
      <c r="B49" s="11" t="s">
        <v>140</v>
      </c>
      <c r="C49" s="18" t="s">
        <v>13</v>
      </c>
      <c r="D49" s="24">
        <v>0.3</v>
      </c>
      <c r="E49" s="24">
        <v>0.2</v>
      </c>
      <c r="F49" s="24">
        <v>25.1</v>
      </c>
      <c r="G49" s="12">
        <v>103</v>
      </c>
      <c r="H49" s="53">
        <v>509</v>
      </c>
    </row>
    <row r="50" spans="1:8" x14ac:dyDescent="0.2">
      <c r="A50" s="10" t="s">
        <v>22</v>
      </c>
      <c r="B50" s="11" t="s">
        <v>32</v>
      </c>
      <c r="C50" s="18">
        <v>20</v>
      </c>
      <c r="D50" s="24">
        <v>0.78</v>
      </c>
      <c r="E50" s="24">
        <v>0.16</v>
      </c>
      <c r="F50" s="24">
        <v>0.84</v>
      </c>
      <c r="G50" s="12">
        <v>47</v>
      </c>
      <c r="H50" s="53" t="s">
        <v>31</v>
      </c>
    </row>
    <row r="51" spans="1:8" x14ac:dyDescent="0.2">
      <c r="A51" s="10" t="s">
        <v>22</v>
      </c>
      <c r="B51" s="11" t="s">
        <v>17</v>
      </c>
      <c r="C51" s="18" t="s">
        <v>18</v>
      </c>
      <c r="D51" s="24">
        <v>2.64</v>
      </c>
      <c r="E51" s="24">
        <v>0.48</v>
      </c>
      <c r="F51" s="24">
        <v>13.36</v>
      </c>
      <c r="G51" s="12">
        <v>69.599999999999994</v>
      </c>
      <c r="H51" s="53" t="s">
        <v>16</v>
      </c>
    </row>
    <row r="52" spans="1:8" s="8" customFormat="1" x14ac:dyDescent="0.2">
      <c r="A52" s="60" t="s">
        <v>21</v>
      </c>
      <c r="B52" s="61"/>
      <c r="C52" s="19">
        <v>760</v>
      </c>
      <c r="D52" s="25">
        <v>24.41</v>
      </c>
      <c r="E52" s="25">
        <v>24.74</v>
      </c>
      <c r="F52" s="25">
        <v>112.62</v>
      </c>
      <c r="G52" s="14">
        <v>767.47</v>
      </c>
      <c r="H52" s="54"/>
    </row>
    <row r="53" spans="1:8" s="8" customFormat="1" ht="13.5" thickBot="1" x14ac:dyDescent="0.25">
      <c r="A53" s="64" t="s">
        <v>34</v>
      </c>
      <c r="B53" s="65"/>
      <c r="C53" s="20">
        <v>1360</v>
      </c>
      <c r="D53" s="26">
        <v>40.85</v>
      </c>
      <c r="E53" s="26">
        <v>37.479999999999997</v>
      </c>
      <c r="F53" s="26">
        <v>190.76</v>
      </c>
      <c r="G53" s="16">
        <v>1262.07</v>
      </c>
      <c r="H53" s="17"/>
    </row>
    <row r="54" spans="1:8" s="8" customFormat="1" x14ac:dyDescent="0.2">
      <c r="A54" s="88" t="s">
        <v>45</v>
      </c>
      <c r="B54" s="89"/>
      <c r="C54" s="89"/>
      <c r="D54" s="89"/>
      <c r="E54" s="89"/>
      <c r="F54" s="89"/>
      <c r="G54" s="89"/>
      <c r="H54" s="90"/>
    </row>
    <row r="55" spans="1:8" x14ac:dyDescent="0.2">
      <c r="A55" s="10" t="s">
        <v>11</v>
      </c>
      <c r="B55" s="11" t="s">
        <v>61</v>
      </c>
      <c r="C55" s="18" t="s">
        <v>28</v>
      </c>
      <c r="D55" s="24">
        <v>15.63</v>
      </c>
      <c r="E55" s="24">
        <v>16</v>
      </c>
      <c r="F55" s="24">
        <v>2.96</v>
      </c>
      <c r="G55" s="12">
        <v>262.58</v>
      </c>
      <c r="H55" s="53" t="s">
        <v>60</v>
      </c>
    </row>
    <row r="56" spans="1:8" x14ac:dyDescent="0.2">
      <c r="A56" s="10" t="s">
        <v>11</v>
      </c>
      <c r="B56" s="11" t="s">
        <v>63</v>
      </c>
      <c r="C56" s="18">
        <v>60</v>
      </c>
      <c r="D56" s="24">
        <v>1.9</v>
      </c>
      <c r="E56" s="24">
        <v>1.96</v>
      </c>
      <c r="F56" s="24">
        <v>3.96</v>
      </c>
      <c r="G56" s="12">
        <v>40.98</v>
      </c>
      <c r="H56" s="53" t="s">
        <v>62</v>
      </c>
    </row>
    <row r="57" spans="1:8" x14ac:dyDescent="0.2">
      <c r="A57" s="10" t="s">
        <v>11</v>
      </c>
      <c r="B57" s="11" t="s">
        <v>37</v>
      </c>
      <c r="C57" s="18" t="s">
        <v>38</v>
      </c>
      <c r="D57" s="24">
        <v>0.05</v>
      </c>
      <c r="E57" s="24">
        <v>8.25</v>
      </c>
      <c r="F57" s="24">
        <v>0.08</v>
      </c>
      <c r="G57" s="12">
        <v>74.8</v>
      </c>
      <c r="H57" s="53" t="s">
        <v>36</v>
      </c>
    </row>
    <row r="58" spans="1:8" x14ac:dyDescent="0.2">
      <c r="A58" s="10" t="s">
        <v>11</v>
      </c>
      <c r="B58" s="11" t="s">
        <v>40</v>
      </c>
      <c r="C58" s="18">
        <v>40</v>
      </c>
      <c r="D58" s="24">
        <v>3</v>
      </c>
      <c r="E58" s="24">
        <v>1.1599999999999999</v>
      </c>
      <c r="F58" s="24">
        <v>20.56</v>
      </c>
      <c r="G58" s="12">
        <v>104.8</v>
      </c>
      <c r="H58" s="53" t="s">
        <v>39</v>
      </c>
    </row>
    <row r="59" spans="1:8" x14ac:dyDescent="0.2">
      <c r="A59" s="10" t="s">
        <v>11</v>
      </c>
      <c r="B59" s="11" t="s">
        <v>17</v>
      </c>
      <c r="C59" s="18" t="s">
        <v>18</v>
      </c>
      <c r="D59" s="24">
        <v>2.64</v>
      </c>
      <c r="E59" s="24">
        <v>0.48</v>
      </c>
      <c r="F59" s="24">
        <v>13.36</v>
      </c>
      <c r="G59" s="12">
        <v>69.599999999999994</v>
      </c>
      <c r="H59" s="53" t="s">
        <v>16</v>
      </c>
    </row>
    <row r="60" spans="1:8" x14ac:dyDescent="0.2">
      <c r="A60" s="10" t="s">
        <v>11</v>
      </c>
      <c r="B60" s="11" t="s">
        <v>20</v>
      </c>
      <c r="C60" s="18" t="s">
        <v>13</v>
      </c>
      <c r="D60" s="24">
        <v>0.2</v>
      </c>
      <c r="E60" s="24">
        <v>0</v>
      </c>
      <c r="F60" s="24">
        <v>10.02</v>
      </c>
      <c r="G60" s="12">
        <v>39.82</v>
      </c>
      <c r="H60" s="53" t="s">
        <v>19</v>
      </c>
    </row>
    <row r="61" spans="1:8" s="8" customFormat="1" x14ac:dyDescent="0.2">
      <c r="A61" s="60" t="s">
        <v>21</v>
      </c>
      <c r="B61" s="61"/>
      <c r="C61" s="19">
        <v>500</v>
      </c>
      <c r="D61" s="25">
        <v>23.42</v>
      </c>
      <c r="E61" s="25">
        <v>27.85</v>
      </c>
      <c r="F61" s="25">
        <v>50.94</v>
      </c>
      <c r="G61" s="14">
        <v>592.58000000000004</v>
      </c>
      <c r="H61" s="54"/>
    </row>
    <row r="62" spans="1:8" x14ac:dyDescent="0.2">
      <c r="A62" s="10" t="s">
        <v>22</v>
      </c>
      <c r="B62" s="11" t="s">
        <v>142</v>
      </c>
      <c r="C62" s="18" t="s">
        <v>25</v>
      </c>
      <c r="D62" s="24">
        <v>0.9</v>
      </c>
      <c r="E62" s="24">
        <v>3.3</v>
      </c>
      <c r="F62" s="24">
        <v>5.04</v>
      </c>
      <c r="G62" s="12">
        <v>53.4</v>
      </c>
      <c r="H62" s="53">
        <v>50</v>
      </c>
    </row>
    <row r="63" spans="1:8" x14ac:dyDescent="0.2">
      <c r="A63" s="10" t="s">
        <v>22</v>
      </c>
      <c r="B63" s="11" t="s">
        <v>65</v>
      </c>
      <c r="C63" s="18">
        <v>250</v>
      </c>
      <c r="D63" s="24">
        <v>3.1</v>
      </c>
      <c r="E63" s="24">
        <v>4.5</v>
      </c>
      <c r="F63" s="24">
        <v>13.03</v>
      </c>
      <c r="G63" s="12">
        <v>106.42</v>
      </c>
      <c r="H63" s="53">
        <v>161</v>
      </c>
    </row>
    <row r="64" spans="1:8" x14ac:dyDescent="0.2">
      <c r="A64" s="10" t="s">
        <v>22</v>
      </c>
      <c r="B64" s="11" t="s">
        <v>67</v>
      </c>
      <c r="C64" s="18" t="s">
        <v>68</v>
      </c>
      <c r="D64" s="24">
        <v>1.82</v>
      </c>
      <c r="E64" s="24">
        <v>0.19</v>
      </c>
      <c r="F64" s="24">
        <v>11.81</v>
      </c>
      <c r="G64" s="12">
        <v>56.4</v>
      </c>
      <c r="H64" s="53" t="s">
        <v>66</v>
      </c>
    </row>
    <row r="65" spans="1:8" x14ac:dyDescent="0.2">
      <c r="A65" s="10" t="s">
        <v>22</v>
      </c>
      <c r="B65" s="11" t="s">
        <v>70</v>
      </c>
      <c r="C65" s="18">
        <v>200</v>
      </c>
      <c r="D65" s="24">
        <v>13.1</v>
      </c>
      <c r="E65" s="24">
        <v>14.05</v>
      </c>
      <c r="F65" s="24">
        <v>35.200000000000003</v>
      </c>
      <c r="G65" s="12">
        <v>299</v>
      </c>
      <c r="H65" s="53">
        <v>370</v>
      </c>
    </row>
    <row r="66" spans="1:8" x14ac:dyDescent="0.2">
      <c r="A66" s="10" t="s">
        <v>22</v>
      </c>
      <c r="B66" s="11" t="s">
        <v>143</v>
      </c>
      <c r="C66" s="18" t="s">
        <v>13</v>
      </c>
      <c r="D66" s="24">
        <v>0</v>
      </c>
      <c r="E66" s="24">
        <v>0</v>
      </c>
      <c r="F66" s="24">
        <v>18.399999999999999</v>
      </c>
      <c r="G66" s="12">
        <v>74</v>
      </c>
      <c r="H66" s="53">
        <v>617</v>
      </c>
    </row>
    <row r="67" spans="1:8" x14ac:dyDescent="0.2">
      <c r="A67" s="10" t="s">
        <v>22</v>
      </c>
      <c r="B67" s="11" t="s">
        <v>17</v>
      </c>
      <c r="C67" s="18" t="s">
        <v>18</v>
      </c>
      <c r="D67" s="24">
        <v>2.64</v>
      </c>
      <c r="E67" s="24">
        <v>0.48</v>
      </c>
      <c r="F67" s="24">
        <v>13.36</v>
      </c>
      <c r="G67" s="12">
        <v>69.599999999999994</v>
      </c>
      <c r="H67" s="53" t="s">
        <v>16</v>
      </c>
    </row>
    <row r="68" spans="1:8" x14ac:dyDescent="0.2">
      <c r="A68" s="10" t="s">
        <v>22</v>
      </c>
      <c r="B68" s="11" t="s">
        <v>32</v>
      </c>
      <c r="C68" s="18">
        <v>40</v>
      </c>
      <c r="D68" s="24">
        <v>3.04</v>
      </c>
      <c r="E68" s="24">
        <v>0.32</v>
      </c>
      <c r="F68" s="24">
        <v>19.68</v>
      </c>
      <c r="G68" s="12">
        <v>94</v>
      </c>
      <c r="H68" s="53" t="s">
        <v>31</v>
      </c>
    </row>
    <row r="69" spans="1:8" s="8" customFormat="1" x14ac:dyDescent="0.2">
      <c r="A69" s="60" t="s">
        <v>21</v>
      </c>
      <c r="B69" s="61"/>
      <c r="C69" s="19">
        <v>810</v>
      </c>
      <c r="D69" s="25">
        <v>24.6</v>
      </c>
      <c r="E69" s="25">
        <v>22.84</v>
      </c>
      <c r="F69" s="25">
        <v>116.52</v>
      </c>
      <c r="G69" s="14">
        <v>752.82</v>
      </c>
      <c r="H69" s="15"/>
    </row>
    <row r="70" spans="1:8" s="8" customFormat="1" ht="13.5" thickBot="1" x14ac:dyDescent="0.25">
      <c r="A70" s="64" t="s">
        <v>34</v>
      </c>
      <c r="B70" s="65"/>
      <c r="C70" s="20">
        <v>1310</v>
      </c>
      <c r="D70" s="26">
        <v>48.02</v>
      </c>
      <c r="E70" s="26">
        <v>50.69</v>
      </c>
      <c r="F70" s="26">
        <v>167.46</v>
      </c>
      <c r="G70" s="16">
        <v>1345.4</v>
      </c>
      <c r="H70" s="17"/>
    </row>
    <row r="71" spans="1:8" s="8" customFormat="1" x14ac:dyDescent="0.2">
      <c r="A71" s="66" t="s">
        <v>80</v>
      </c>
      <c r="B71" s="67"/>
      <c r="C71" s="67"/>
      <c r="D71" s="67"/>
      <c r="E71" s="67"/>
      <c r="F71" s="67"/>
      <c r="G71" s="67"/>
      <c r="H71" s="68"/>
    </row>
    <row r="72" spans="1:8" x14ac:dyDescent="0.2">
      <c r="A72" s="10" t="s">
        <v>11</v>
      </c>
      <c r="B72" s="11" t="s">
        <v>15</v>
      </c>
      <c r="C72" s="48">
        <v>60</v>
      </c>
      <c r="D72" s="49">
        <v>4.0999999999999996</v>
      </c>
      <c r="E72" s="49">
        <v>3.3</v>
      </c>
      <c r="F72" s="49">
        <v>11</v>
      </c>
      <c r="G72" s="50">
        <v>88</v>
      </c>
      <c r="H72" s="53">
        <v>1118</v>
      </c>
    </row>
    <row r="73" spans="1:8" ht="51" x14ac:dyDescent="0.2">
      <c r="A73" s="10" t="s">
        <v>11</v>
      </c>
      <c r="B73" s="11" t="s">
        <v>141</v>
      </c>
      <c r="C73" s="18">
        <v>230</v>
      </c>
      <c r="D73" s="24">
        <v>7.13</v>
      </c>
      <c r="E73" s="24">
        <v>11.04</v>
      </c>
      <c r="F73" s="24">
        <v>31.05</v>
      </c>
      <c r="G73" s="12">
        <v>253</v>
      </c>
      <c r="H73" s="53">
        <v>625</v>
      </c>
    </row>
    <row r="74" spans="1:8" x14ac:dyDescent="0.2">
      <c r="A74" s="10" t="s">
        <v>11</v>
      </c>
      <c r="B74" s="11" t="s">
        <v>76</v>
      </c>
      <c r="C74" s="18" t="s">
        <v>13</v>
      </c>
      <c r="D74" s="24">
        <v>0.1</v>
      </c>
      <c r="E74" s="24">
        <v>0</v>
      </c>
      <c r="F74" s="24">
        <v>15.2</v>
      </c>
      <c r="G74" s="12">
        <v>61</v>
      </c>
      <c r="H74" s="53">
        <v>494</v>
      </c>
    </row>
    <row r="75" spans="1:8" x14ac:dyDescent="0.2">
      <c r="A75" s="10" t="s">
        <v>11</v>
      </c>
      <c r="B75" s="11" t="s">
        <v>40</v>
      </c>
      <c r="C75" s="18">
        <v>20</v>
      </c>
      <c r="D75" s="24">
        <v>1.5</v>
      </c>
      <c r="E75" s="24">
        <v>0.57999999999999996</v>
      </c>
      <c r="F75" s="24">
        <v>10.28</v>
      </c>
      <c r="G75" s="12">
        <v>52.4</v>
      </c>
      <c r="H75" s="53" t="s">
        <v>39</v>
      </c>
    </row>
    <row r="76" spans="1:8" s="8" customFormat="1" x14ac:dyDescent="0.2">
      <c r="A76" s="60" t="s">
        <v>21</v>
      </c>
      <c r="B76" s="61"/>
      <c r="C76" s="19">
        <v>510</v>
      </c>
      <c r="D76" s="25">
        <v>12.83</v>
      </c>
      <c r="E76" s="25">
        <v>14.92</v>
      </c>
      <c r="F76" s="25">
        <v>67.53</v>
      </c>
      <c r="G76" s="14">
        <v>454.4</v>
      </c>
      <c r="H76" s="54"/>
    </row>
    <row r="77" spans="1:8" x14ac:dyDescent="0.2">
      <c r="A77" s="10" t="s">
        <v>22</v>
      </c>
      <c r="B77" s="11" t="s">
        <v>42</v>
      </c>
      <c r="C77" s="18" t="s">
        <v>25</v>
      </c>
      <c r="D77" s="24">
        <v>0.48</v>
      </c>
      <c r="E77" s="24">
        <v>0.06</v>
      </c>
      <c r="F77" s="24">
        <v>1.5</v>
      </c>
      <c r="G77" s="12">
        <v>8.4</v>
      </c>
      <c r="H77" s="53">
        <v>107</v>
      </c>
    </row>
    <row r="78" spans="1:8" x14ac:dyDescent="0.2">
      <c r="A78" s="10" t="s">
        <v>22</v>
      </c>
      <c r="B78" s="11" t="s">
        <v>144</v>
      </c>
      <c r="C78" s="18" t="s">
        <v>13</v>
      </c>
      <c r="D78" s="24">
        <v>1.64</v>
      </c>
      <c r="E78" s="24">
        <v>4.18</v>
      </c>
      <c r="F78" s="24">
        <v>12.46</v>
      </c>
      <c r="G78" s="12">
        <v>94.22</v>
      </c>
      <c r="H78" s="53">
        <v>155</v>
      </c>
    </row>
    <row r="79" spans="1:8" x14ac:dyDescent="0.2">
      <c r="A79" s="10" t="s">
        <v>22</v>
      </c>
      <c r="B79" s="11" t="s">
        <v>77</v>
      </c>
      <c r="C79" s="18" t="s">
        <v>28</v>
      </c>
      <c r="D79" s="24">
        <v>3</v>
      </c>
      <c r="E79" s="24">
        <v>8.02</v>
      </c>
      <c r="F79" s="24">
        <v>14.75</v>
      </c>
      <c r="G79" s="12">
        <v>135</v>
      </c>
      <c r="H79" s="53">
        <v>195</v>
      </c>
    </row>
    <row r="80" spans="1:8" x14ac:dyDescent="0.2">
      <c r="A80" s="10" t="s">
        <v>22</v>
      </c>
      <c r="B80" s="11" t="s">
        <v>78</v>
      </c>
      <c r="C80" s="18" t="s">
        <v>14</v>
      </c>
      <c r="D80" s="24">
        <v>12.04</v>
      </c>
      <c r="E80" s="24">
        <v>10.75</v>
      </c>
      <c r="F80" s="24">
        <v>15.97</v>
      </c>
      <c r="G80" s="12">
        <v>257.39999999999998</v>
      </c>
      <c r="H80" s="53">
        <v>381</v>
      </c>
    </row>
    <row r="81" spans="1:8" x14ac:dyDescent="0.2">
      <c r="A81" s="10" t="s">
        <v>22</v>
      </c>
      <c r="B81" s="11" t="s">
        <v>139</v>
      </c>
      <c r="C81" s="18" t="s">
        <v>13</v>
      </c>
      <c r="D81" s="24">
        <v>0.5</v>
      </c>
      <c r="E81" s="24">
        <v>0</v>
      </c>
      <c r="F81" s="24">
        <v>27</v>
      </c>
      <c r="G81" s="12">
        <v>110</v>
      </c>
      <c r="H81" s="53">
        <v>508</v>
      </c>
    </row>
    <row r="82" spans="1:8" x14ac:dyDescent="0.2">
      <c r="A82" s="10" t="s">
        <v>22</v>
      </c>
      <c r="B82" s="11" t="s">
        <v>32</v>
      </c>
      <c r="C82" s="18">
        <v>40</v>
      </c>
      <c r="D82" s="24">
        <v>3.04</v>
      </c>
      <c r="E82" s="24">
        <v>0.32</v>
      </c>
      <c r="F82" s="24">
        <v>19.68</v>
      </c>
      <c r="G82" s="12">
        <v>94</v>
      </c>
      <c r="H82" s="53" t="s">
        <v>31</v>
      </c>
    </row>
    <row r="83" spans="1:8" x14ac:dyDescent="0.2">
      <c r="A83" s="10" t="s">
        <v>22</v>
      </c>
      <c r="B83" s="11" t="s">
        <v>153</v>
      </c>
      <c r="C83" s="18">
        <v>40</v>
      </c>
      <c r="D83" s="24">
        <v>2.64</v>
      </c>
      <c r="E83" s="24">
        <v>0.48</v>
      </c>
      <c r="F83" s="24">
        <v>13.36</v>
      </c>
      <c r="G83" s="12">
        <v>69.599999999999994</v>
      </c>
      <c r="H83" s="53">
        <v>109</v>
      </c>
    </row>
    <row r="84" spans="1:8" s="8" customFormat="1" x14ac:dyDescent="0.2">
      <c r="A84" s="60" t="s">
        <v>21</v>
      </c>
      <c r="B84" s="61"/>
      <c r="C84" s="19">
        <v>780</v>
      </c>
      <c r="D84" s="25">
        <v>23.34</v>
      </c>
      <c r="E84" s="25">
        <v>23.81</v>
      </c>
      <c r="F84" s="25">
        <v>104.72</v>
      </c>
      <c r="G84" s="14">
        <v>768.62</v>
      </c>
      <c r="H84" s="15"/>
    </row>
    <row r="85" spans="1:8" s="8" customFormat="1" ht="13.5" thickBot="1" x14ac:dyDescent="0.25">
      <c r="A85" s="64" t="s">
        <v>34</v>
      </c>
      <c r="B85" s="65"/>
      <c r="C85" s="20">
        <v>1290</v>
      </c>
      <c r="D85" s="26">
        <v>36.17</v>
      </c>
      <c r="E85" s="26">
        <v>38.729999999999997</v>
      </c>
      <c r="F85" s="26">
        <v>172.25</v>
      </c>
      <c r="G85" s="16">
        <v>1223.02</v>
      </c>
      <c r="H85" s="17"/>
    </row>
    <row r="86" spans="1:8" s="8" customFormat="1" x14ac:dyDescent="0.2">
      <c r="A86" s="88" t="s">
        <v>59</v>
      </c>
      <c r="B86" s="89"/>
      <c r="C86" s="89"/>
      <c r="D86" s="89"/>
      <c r="E86" s="89"/>
      <c r="F86" s="89"/>
      <c r="G86" s="89"/>
      <c r="H86" s="90"/>
    </row>
    <row r="87" spans="1:8" ht="25.5" x14ac:dyDescent="0.2">
      <c r="A87" s="10" t="s">
        <v>11</v>
      </c>
      <c r="B87" s="11" t="s">
        <v>81</v>
      </c>
      <c r="C87" s="18">
        <v>250</v>
      </c>
      <c r="D87" s="24">
        <v>10.68</v>
      </c>
      <c r="E87" s="24">
        <v>13.52</v>
      </c>
      <c r="F87" s="24">
        <v>39.36</v>
      </c>
      <c r="G87" s="12">
        <v>321.85000000000002</v>
      </c>
      <c r="H87" s="53">
        <v>247</v>
      </c>
    </row>
    <row r="88" spans="1:8" x14ac:dyDescent="0.2">
      <c r="A88" s="10" t="s">
        <v>11</v>
      </c>
      <c r="B88" s="11" t="s">
        <v>135</v>
      </c>
      <c r="C88" s="18">
        <v>10</v>
      </c>
      <c r="D88" s="24">
        <v>2.6</v>
      </c>
      <c r="E88" s="24">
        <v>2.65</v>
      </c>
      <c r="F88" s="24">
        <v>0.35</v>
      </c>
      <c r="G88" s="12">
        <v>35.56</v>
      </c>
      <c r="H88" s="53">
        <v>100</v>
      </c>
    </row>
    <row r="89" spans="1:8" x14ac:dyDescent="0.2">
      <c r="A89" s="10" t="s">
        <v>11</v>
      </c>
      <c r="B89" s="11" t="s">
        <v>17</v>
      </c>
      <c r="C89" s="18">
        <v>20</v>
      </c>
      <c r="D89" s="24">
        <v>1.32</v>
      </c>
      <c r="E89" s="24">
        <v>0.24</v>
      </c>
      <c r="F89" s="24">
        <v>6.68</v>
      </c>
      <c r="G89" s="12">
        <v>34.799999999999997</v>
      </c>
      <c r="H89" s="53" t="s">
        <v>16</v>
      </c>
    </row>
    <row r="90" spans="1:8" x14ac:dyDescent="0.2">
      <c r="A90" s="52" t="s">
        <v>11</v>
      </c>
      <c r="B90" s="11" t="s">
        <v>40</v>
      </c>
      <c r="C90" s="18">
        <v>20</v>
      </c>
      <c r="D90" s="24">
        <v>1.5</v>
      </c>
      <c r="E90" s="24">
        <v>0.57999999999999996</v>
      </c>
      <c r="F90" s="24">
        <v>10.28</v>
      </c>
      <c r="G90" s="12">
        <v>52.4</v>
      </c>
      <c r="H90" s="53" t="s">
        <v>39</v>
      </c>
    </row>
    <row r="91" spans="1:8" x14ac:dyDescent="0.2">
      <c r="A91" s="10" t="s">
        <v>11</v>
      </c>
      <c r="B91" s="11" t="s">
        <v>20</v>
      </c>
      <c r="C91" s="18" t="s">
        <v>13</v>
      </c>
      <c r="D91" s="24">
        <v>0.1</v>
      </c>
      <c r="E91" s="24">
        <v>0</v>
      </c>
      <c r="F91" s="24">
        <v>15</v>
      </c>
      <c r="G91" s="12">
        <v>60</v>
      </c>
      <c r="H91" s="53">
        <v>493</v>
      </c>
    </row>
    <row r="92" spans="1:8" s="8" customFormat="1" x14ac:dyDescent="0.2">
      <c r="A92" s="60" t="s">
        <v>21</v>
      </c>
      <c r="B92" s="61"/>
      <c r="C92" s="19">
        <v>500</v>
      </c>
      <c r="D92" s="25">
        <v>16.2</v>
      </c>
      <c r="E92" s="25">
        <v>16.989999999999998</v>
      </c>
      <c r="F92" s="25">
        <v>71.67</v>
      </c>
      <c r="G92" s="14">
        <v>504.61</v>
      </c>
      <c r="H92" s="54"/>
    </row>
    <row r="93" spans="1:8" x14ac:dyDescent="0.2">
      <c r="A93" s="10" t="s">
        <v>22</v>
      </c>
      <c r="B93" s="11" t="s">
        <v>24</v>
      </c>
      <c r="C93" s="18" t="s">
        <v>25</v>
      </c>
      <c r="D93" s="24">
        <v>0.66</v>
      </c>
      <c r="E93" s="24">
        <v>0.12</v>
      </c>
      <c r="F93" s="24">
        <v>2.2799999999999998</v>
      </c>
      <c r="G93" s="12">
        <v>14.4</v>
      </c>
      <c r="H93" s="53" t="s">
        <v>23</v>
      </c>
    </row>
    <row r="94" spans="1:8" x14ac:dyDescent="0.2">
      <c r="A94" s="10" t="s">
        <v>22</v>
      </c>
      <c r="B94" s="11" t="s">
        <v>145</v>
      </c>
      <c r="C94" s="18" t="s">
        <v>13</v>
      </c>
      <c r="D94" s="24">
        <v>4.57</v>
      </c>
      <c r="E94" s="24">
        <v>3.01</v>
      </c>
      <c r="F94" s="24">
        <v>17.54</v>
      </c>
      <c r="G94" s="12">
        <v>115.92</v>
      </c>
      <c r="H94" s="53">
        <v>144</v>
      </c>
    </row>
    <row r="95" spans="1:8" x14ac:dyDescent="0.2">
      <c r="A95" s="10" t="s">
        <v>22</v>
      </c>
      <c r="B95" s="11" t="s">
        <v>84</v>
      </c>
      <c r="C95" s="18" t="s">
        <v>28</v>
      </c>
      <c r="D95" s="24">
        <v>5.55</v>
      </c>
      <c r="E95" s="24">
        <v>6.85</v>
      </c>
      <c r="F95" s="24">
        <v>37.08</v>
      </c>
      <c r="G95" s="12">
        <v>250.05</v>
      </c>
      <c r="H95" s="53">
        <v>237</v>
      </c>
    </row>
    <row r="96" spans="1:8" x14ac:dyDescent="0.2">
      <c r="A96" s="10" t="s">
        <v>22</v>
      </c>
      <c r="B96" s="11" t="s">
        <v>85</v>
      </c>
      <c r="C96" s="18">
        <v>100</v>
      </c>
      <c r="D96" s="24">
        <v>9.25</v>
      </c>
      <c r="E96" s="24">
        <v>11.25</v>
      </c>
      <c r="F96" s="24">
        <v>3.42</v>
      </c>
      <c r="G96" s="12">
        <v>160</v>
      </c>
      <c r="H96" s="53">
        <v>144</v>
      </c>
    </row>
    <row r="97" spans="1:8" x14ac:dyDescent="0.2">
      <c r="A97" s="10" t="s">
        <v>22</v>
      </c>
      <c r="B97" s="11" t="s">
        <v>32</v>
      </c>
      <c r="C97" s="18">
        <v>40</v>
      </c>
      <c r="D97" s="24">
        <v>3.04</v>
      </c>
      <c r="E97" s="24">
        <v>0.32</v>
      </c>
      <c r="F97" s="24">
        <v>19.68</v>
      </c>
      <c r="G97" s="12">
        <v>94</v>
      </c>
      <c r="H97" s="53" t="s">
        <v>31</v>
      </c>
    </row>
    <row r="98" spans="1:8" x14ac:dyDescent="0.2">
      <c r="A98" s="10" t="s">
        <v>22</v>
      </c>
      <c r="B98" s="11" t="s">
        <v>17</v>
      </c>
      <c r="C98" s="18">
        <v>20</v>
      </c>
      <c r="D98" s="24">
        <v>1.32</v>
      </c>
      <c r="E98" s="24">
        <v>0.24</v>
      </c>
      <c r="F98" s="24">
        <v>6.68</v>
      </c>
      <c r="G98" s="12">
        <v>34.799999999999997</v>
      </c>
      <c r="H98" s="53" t="s">
        <v>16</v>
      </c>
    </row>
    <row r="99" spans="1:8" x14ac:dyDescent="0.2">
      <c r="A99" s="10" t="s">
        <v>22</v>
      </c>
      <c r="B99" s="11" t="s">
        <v>146</v>
      </c>
      <c r="C99" s="18" t="s">
        <v>13</v>
      </c>
      <c r="D99" s="24">
        <v>0.5</v>
      </c>
      <c r="E99" s="24">
        <v>0.2</v>
      </c>
      <c r="F99" s="24">
        <v>23.1</v>
      </c>
      <c r="G99" s="12">
        <v>96</v>
      </c>
      <c r="H99" s="53">
        <v>507</v>
      </c>
    </row>
    <row r="100" spans="1:8" s="8" customFormat="1" x14ac:dyDescent="0.2">
      <c r="A100" s="60" t="s">
        <v>21</v>
      </c>
      <c r="B100" s="61"/>
      <c r="C100" s="19">
        <v>770</v>
      </c>
      <c r="D100" s="25">
        <v>24.89</v>
      </c>
      <c r="E100" s="25">
        <v>21.99</v>
      </c>
      <c r="F100" s="25">
        <v>109.78</v>
      </c>
      <c r="G100" s="14">
        <v>765.17</v>
      </c>
      <c r="H100" s="15"/>
    </row>
    <row r="101" spans="1:8" s="8" customFormat="1" ht="13.5" thickBot="1" x14ac:dyDescent="0.25">
      <c r="A101" s="64" t="s">
        <v>34</v>
      </c>
      <c r="B101" s="65"/>
      <c r="C101" s="20">
        <v>1270</v>
      </c>
      <c r="D101" s="26">
        <v>52.61</v>
      </c>
      <c r="E101" s="26">
        <v>38.979999999999997</v>
      </c>
      <c r="F101" s="26">
        <v>181.45</v>
      </c>
      <c r="G101" s="16">
        <v>1269.78</v>
      </c>
      <c r="H101" s="17"/>
    </row>
    <row r="102" spans="1:8" s="8" customFormat="1" x14ac:dyDescent="0.2">
      <c r="A102" s="66" t="s">
        <v>86</v>
      </c>
      <c r="B102" s="67"/>
      <c r="C102" s="67"/>
      <c r="D102" s="67"/>
      <c r="E102" s="67"/>
      <c r="F102" s="67"/>
      <c r="G102" s="67"/>
      <c r="H102" s="68"/>
    </row>
    <row r="103" spans="1:8" x14ac:dyDescent="0.2">
      <c r="A103" s="10" t="s">
        <v>11</v>
      </c>
      <c r="B103" s="11" t="s">
        <v>133</v>
      </c>
      <c r="C103" s="18">
        <v>115</v>
      </c>
      <c r="D103" s="24">
        <v>6.61</v>
      </c>
      <c r="E103" s="24">
        <v>4.2300000000000004</v>
      </c>
      <c r="F103" s="24">
        <v>11.24</v>
      </c>
      <c r="G103" s="12">
        <v>115.06</v>
      </c>
      <c r="H103" s="53">
        <v>517</v>
      </c>
    </row>
    <row r="104" spans="1:8" x14ac:dyDescent="0.2">
      <c r="A104" s="10" t="s">
        <v>11</v>
      </c>
      <c r="B104" s="11" t="s">
        <v>134</v>
      </c>
      <c r="C104" s="18">
        <v>200</v>
      </c>
      <c r="D104" s="24">
        <v>7.54</v>
      </c>
      <c r="E104" s="24">
        <v>14.62</v>
      </c>
      <c r="F104" s="24">
        <v>32.4</v>
      </c>
      <c r="G104" s="12">
        <v>279.39999999999998</v>
      </c>
      <c r="H104" s="53">
        <v>268</v>
      </c>
    </row>
    <row r="105" spans="1:8" x14ac:dyDescent="0.2">
      <c r="A105" s="10" t="s">
        <v>11</v>
      </c>
      <c r="B105" s="11" t="s">
        <v>136</v>
      </c>
      <c r="C105" s="18">
        <v>200</v>
      </c>
      <c r="D105" s="24">
        <v>0.4</v>
      </c>
      <c r="E105" s="24">
        <v>0</v>
      </c>
      <c r="F105" s="24">
        <v>20</v>
      </c>
      <c r="G105" s="12">
        <v>80</v>
      </c>
      <c r="H105" s="53">
        <v>616</v>
      </c>
    </row>
    <row r="106" spans="1:8" x14ac:dyDescent="0.2">
      <c r="A106" s="10" t="s">
        <v>11</v>
      </c>
      <c r="B106" s="11" t="s">
        <v>40</v>
      </c>
      <c r="C106" s="18">
        <v>20</v>
      </c>
      <c r="D106" s="24">
        <v>1.5</v>
      </c>
      <c r="E106" s="24">
        <v>0.57999999999999996</v>
      </c>
      <c r="F106" s="24">
        <v>10.28</v>
      </c>
      <c r="G106" s="12">
        <v>52.4</v>
      </c>
      <c r="H106" s="53" t="s">
        <v>39</v>
      </c>
    </row>
    <row r="107" spans="1:8" s="8" customFormat="1" x14ac:dyDescent="0.2">
      <c r="A107" s="60" t="s">
        <v>21</v>
      </c>
      <c r="B107" s="61"/>
      <c r="C107" s="19">
        <v>535</v>
      </c>
      <c r="D107" s="25">
        <v>16.05</v>
      </c>
      <c r="E107" s="25">
        <v>19.43</v>
      </c>
      <c r="F107" s="25">
        <v>73.92</v>
      </c>
      <c r="G107" s="14">
        <v>526.86</v>
      </c>
      <c r="H107" s="54"/>
    </row>
    <row r="108" spans="1:8" x14ac:dyDescent="0.2">
      <c r="A108" s="10" t="s">
        <v>22</v>
      </c>
      <c r="B108" s="11" t="s">
        <v>42</v>
      </c>
      <c r="C108" s="18" t="s">
        <v>25</v>
      </c>
      <c r="D108" s="24">
        <v>0.48</v>
      </c>
      <c r="E108" s="24">
        <v>0.06</v>
      </c>
      <c r="F108" s="24">
        <v>1.5</v>
      </c>
      <c r="G108" s="12">
        <v>8.4</v>
      </c>
      <c r="H108" s="53">
        <v>107</v>
      </c>
    </row>
    <row r="109" spans="1:8" x14ac:dyDescent="0.2">
      <c r="A109" s="10" t="s">
        <v>22</v>
      </c>
      <c r="B109" s="11" t="s">
        <v>147</v>
      </c>
      <c r="C109" s="18" t="s">
        <v>13</v>
      </c>
      <c r="D109" s="24">
        <v>1.4</v>
      </c>
      <c r="E109" s="24">
        <v>3.98</v>
      </c>
      <c r="F109" s="24">
        <v>6.22</v>
      </c>
      <c r="G109" s="12">
        <v>60.6</v>
      </c>
      <c r="H109" s="53">
        <v>142</v>
      </c>
    </row>
    <row r="110" spans="1:8" x14ac:dyDescent="0.2">
      <c r="A110" s="10" t="s">
        <v>22</v>
      </c>
      <c r="B110" s="11" t="s">
        <v>44</v>
      </c>
      <c r="C110" s="18" t="s">
        <v>28</v>
      </c>
      <c r="D110" s="24">
        <v>3.3</v>
      </c>
      <c r="E110" s="24">
        <v>4.1100000000000003</v>
      </c>
      <c r="F110" s="24">
        <v>22.72</v>
      </c>
      <c r="G110" s="12">
        <v>141.47999999999999</v>
      </c>
      <c r="H110" s="53" t="s">
        <v>43</v>
      </c>
    </row>
    <row r="111" spans="1:8" x14ac:dyDescent="0.2">
      <c r="A111" s="10" t="s">
        <v>22</v>
      </c>
      <c r="B111" s="11" t="s">
        <v>78</v>
      </c>
      <c r="C111" s="18" t="s">
        <v>14</v>
      </c>
      <c r="D111" s="24">
        <v>12.04</v>
      </c>
      <c r="E111" s="24">
        <v>10.75</v>
      </c>
      <c r="F111" s="24">
        <v>15.97</v>
      </c>
      <c r="G111" s="12">
        <v>257.39999999999998</v>
      </c>
      <c r="H111" s="53">
        <v>381</v>
      </c>
    </row>
    <row r="112" spans="1:8" x14ac:dyDescent="0.2">
      <c r="A112" s="10" t="s">
        <v>22</v>
      </c>
      <c r="B112" s="11" t="s">
        <v>79</v>
      </c>
      <c r="C112" s="18" t="s">
        <v>13</v>
      </c>
      <c r="D112" s="24">
        <v>0.7</v>
      </c>
      <c r="E112" s="24">
        <v>0.3</v>
      </c>
      <c r="F112" s="24">
        <v>22.8</v>
      </c>
      <c r="G112" s="12">
        <v>97</v>
      </c>
      <c r="H112" s="53">
        <v>519</v>
      </c>
    </row>
    <row r="113" spans="1:8" x14ac:dyDescent="0.2">
      <c r="A113" s="10" t="s">
        <v>22</v>
      </c>
      <c r="B113" s="11" t="s">
        <v>32</v>
      </c>
      <c r="C113" s="18">
        <v>40</v>
      </c>
      <c r="D113" s="24">
        <v>3.04</v>
      </c>
      <c r="E113" s="24">
        <v>0.32</v>
      </c>
      <c r="F113" s="24">
        <v>19.68</v>
      </c>
      <c r="G113" s="12">
        <v>94</v>
      </c>
      <c r="H113" s="53" t="s">
        <v>31</v>
      </c>
    </row>
    <row r="114" spans="1:8" x14ac:dyDescent="0.2">
      <c r="A114" s="10" t="s">
        <v>22</v>
      </c>
      <c r="B114" s="11" t="s">
        <v>17</v>
      </c>
      <c r="C114" s="18">
        <v>20</v>
      </c>
      <c r="D114" s="24">
        <v>1.32</v>
      </c>
      <c r="E114" s="24">
        <v>0.24</v>
      </c>
      <c r="F114" s="24">
        <v>6.68</v>
      </c>
      <c r="G114" s="12">
        <v>34.799999999999997</v>
      </c>
      <c r="H114" s="53" t="s">
        <v>16</v>
      </c>
    </row>
    <row r="115" spans="1:8" s="8" customFormat="1" x14ac:dyDescent="0.2">
      <c r="A115" s="60" t="s">
        <v>21</v>
      </c>
      <c r="B115" s="61"/>
      <c r="C115" s="19">
        <v>760</v>
      </c>
      <c r="D115" s="25">
        <v>28.590000000000003</v>
      </c>
      <c r="E115" s="25">
        <v>20.32</v>
      </c>
      <c r="F115" s="25">
        <v>119.61000000000001</v>
      </c>
      <c r="G115" s="14">
        <v>778.0200000000001</v>
      </c>
      <c r="H115" s="15"/>
    </row>
    <row r="116" spans="1:8" s="8" customFormat="1" ht="13.5" thickBot="1" x14ac:dyDescent="0.25">
      <c r="A116" s="64" t="s">
        <v>34</v>
      </c>
      <c r="B116" s="65"/>
      <c r="C116" s="20">
        <v>1295</v>
      </c>
      <c r="D116" s="26">
        <v>40.799999999999997</v>
      </c>
      <c r="E116" s="26">
        <v>27.69</v>
      </c>
      <c r="F116" s="26">
        <v>191.31</v>
      </c>
      <c r="G116" s="16">
        <v>1180.5999999999999</v>
      </c>
      <c r="H116" s="17"/>
    </row>
    <row r="117" spans="1:8" s="8" customFormat="1" x14ac:dyDescent="0.2">
      <c r="A117" s="91" t="s">
        <v>90</v>
      </c>
      <c r="B117" s="92"/>
      <c r="C117" s="92"/>
      <c r="D117" s="92"/>
      <c r="E117" s="92"/>
      <c r="F117" s="92"/>
      <c r="G117" s="92"/>
      <c r="H117" s="93"/>
    </row>
    <row r="118" spans="1:8" ht="25.5" x14ac:dyDescent="0.2">
      <c r="A118" s="10" t="s">
        <v>11</v>
      </c>
      <c r="B118" s="11" t="s">
        <v>12</v>
      </c>
      <c r="C118" s="18" t="s">
        <v>13</v>
      </c>
      <c r="D118" s="24">
        <v>8.9700000000000006</v>
      </c>
      <c r="E118" s="24">
        <v>10.87</v>
      </c>
      <c r="F118" s="24">
        <v>41.17</v>
      </c>
      <c r="G118" s="12">
        <v>326.05</v>
      </c>
      <c r="H118" s="53">
        <v>267</v>
      </c>
    </row>
    <row r="119" spans="1:8" x14ac:dyDescent="0.2">
      <c r="A119" s="10" t="s">
        <v>11</v>
      </c>
      <c r="B119" s="11" t="s">
        <v>15</v>
      </c>
      <c r="C119" s="48">
        <v>60</v>
      </c>
      <c r="D119" s="49">
        <v>4.0999999999999996</v>
      </c>
      <c r="E119" s="49">
        <v>3.3</v>
      </c>
      <c r="F119" s="49">
        <v>11</v>
      </c>
      <c r="G119" s="50">
        <v>88</v>
      </c>
      <c r="H119" s="51">
        <v>1118</v>
      </c>
    </row>
    <row r="120" spans="1:8" x14ac:dyDescent="0.2">
      <c r="A120" s="10" t="s">
        <v>11</v>
      </c>
      <c r="B120" s="11" t="s">
        <v>17</v>
      </c>
      <c r="C120" s="18" t="s">
        <v>18</v>
      </c>
      <c r="D120" s="24">
        <v>2.64</v>
      </c>
      <c r="E120" s="24">
        <v>0.48</v>
      </c>
      <c r="F120" s="24">
        <v>13.36</v>
      </c>
      <c r="G120" s="12">
        <v>69.599999999999994</v>
      </c>
      <c r="H120" s="53" t="s">
        <v>16</v>
      </c>
    </row>
    <row r="121" spans="1:8" x14ac:dyDescent="0.2">
      <c r="A121" s="10" t="s">
        <v>11</v>
      </c>
      <c r="B121" s="11" t="s">
        <v>20</v>
      </c>
      <c r="C121" s="18" t="s">
        <v>13</v>
      </c>
      <c r="D121" s="24">
        <v>0.1</v>
      </c>
      <c r="E121" s="24">
        <v>0</v>
      </c>
      <c r="F121" s="24">
        <v>15</v>
      </c>
      <c r="G121" s="12">
        <v>60</v>
      </c>
      <c r="H121" s="53">
        <v>493</v>
      </c>
    </row>
    <row r="122" spans="1:8" s="8" customFormat="1" x14ac:dyDescent="0.2">
      <c r="A122" s="60" t="s">
        <v>21</v>
      </c>
      <c r="B122" s="61"/>
      <c r="C122" s="19">
        <v>500</v>
      </c>
      <c r="D122" s="25">
        <v>15.81</v>
      </c>
      <c r="E122" s="25">
        <v>14.65</v>
      </c>
      <c r="F122" s="25">
        <v>80.53</v>
      </c>
      <c r="G122" s="14">
        <v>543.65</v>
      </c>
      <c r="H122" s="54"/>
    </row>
    <row r="123" spans="1:8" x14ac:dyDescent="0.2">
      <c r="A123" s="10" t="s">
        <v>22</v>
      </c>
      <c r="B123" s="11" t="s">
        <v>24</v>
      </c>
      <c r="C123" s="18" t="s">
        <v>25</v>
      </c>
      <c r="D123" s="24">
        <v>0.66</v>
      </c>
      <c r="E123" s="24">
        <v>0.12</v>
      </c>
      <c r="F123" s="24">
        <v>2.2799999999999998</v>
      </c>
      <c r="G123" s="12">
        <v>14.4</v>
      </c>
      <c r="H123" s="53" t="s">
        <v>23</v>
      </c>
    </row>
    <row r="124" spans="1:8" x14ac:dyDescent="0.2">
      <c r="A124" s="10" t="s">
        <v>22</v>
      </c>
      <c r="B124" s="11" t="s">
        <v>26</v>
      </c>
      <c r="C124" s="18">
        <v>250</v>
      </c>
      <c r="D124" s="24">
        <v>1.08</v>
      </c>
      <c r="E124" s="24">
        <v>5.17</v>
      </c>
      <c r="F124" s="24">
        <v>7.07</v>
      </c>
      <c r="G124" s="12">
        <v>83.3</v>
      </c>
      <c r="H124" s="53">
        <v>142</v>
      </c>
    </row>
    <row r="125" spans="1:8" x14ac:dyDescent="0.2">
      <c r="A125" s="10" t="s">
        <v>22</v>
      </c>
      <c r="B125" s="11" t="s">
        <v>27</v>
      </c>
      <c r="C125" s="18">
        <v>180</v>
      </c>
      <c r="D125" s="24">
        <v>5</v>
      </c>
      <c r="E125" s="24">
        <v>0.81</v>
      </c>
      <c r="F125" s="24">
        <v>34.85</v>
      </c>
      <c r="G125" s="12">
        <v>173.88</v>
      </c>
      <c r="H125" s="53">
        <v>291</v>
      </c>
    </row>
    <row r="126" spans="1:8" x14ac:dyDescent="0.2">
      <c r="A126" s="10" t="s">
        <v>22</v>
      </c>
      <c r="B126" s="11" t="s">
        <v>29</v>
      </c>
      <c r="C126" s="18">
        <v>90</v>
      </c>
      <c r="D126" s="24">
        <v>10.4</v>
      </c>
      <c r="E126" s="24">
        <v>22.6</v>
      </c>
      <c r="F126" s="24">
        <v>4.2</v>
      </c>
      <c r="G126" s="12">
        <v>263.7</v>
      </c>
      <c r="H126" s="53">
        <v>367</v>
      </c>
    </row>
    <row r="127" spans="1:8" x14ac:dyDescent="0.2">
      <c r="A127" s="10" t="s">
        <v>22</v>
      </c>
      <c r="B127" s="11" t="s">
        <v>17</v>
      </c>
      <c r="C127" s="18" t="s">
        <v>18</v>
      </c>
      <c r="D127" s="24">
        <v>2.64</v>
      </c>
      <c r="E127" s="24">
        <v>0.48</v>
      </c>
      <c r="F127" s="24">
        <v>13.36</v>
      </c>
      <c r="G127" s="12">
        <v>69.599999999999994</v>
      </c>
      <c r="H127" s="53" t="s">
        <v>16</v>
      </c>
    </row>
    <row r="128" spans="1:8" x14ac:dyDescent="0.2">
      <c r="A128" s="10" t="s">
        <v>22</v>
      </c>
      <c r="B128" s="11" t="s">
        <v>32</v>
      </c>
      <c r="C128" s="18">
        <v>40</v>
      </c>
      <c r="D128" s="24">
        <v>1.52</v>
      </c>
      <c r="E128" s="24">
        <v>0.32</v>
      </c>
      <c r="F128" s="24">
        <v>19.68</v>
      </c>
      <c r="G128" s="12">
        <v>94</v>
      </c>
      <c r="H128" s="53" t="s">
        <v>31</v>
      </c>
    </row>
    <row r="129" spans="1:8" x14ac:dyDescent="0.2">
      <c r="A129" s="10" t="s">
        <v>22</v>
      </c>
      <c r="B129" s="11" t="s">
        <v>79</v>
      </c>
      <c r="C129" s="18" t="s">
        <v>13</v>
      </c>
      <c r="D129" s="24">
        <v>0.7</v>
      </c>
      <c r="E129" s="24">
        <v>0.3</v>
      </c>
      <c r="F129" s="24">
        <v>22.8</v>
      </c>
      <c r="G129" s="12">
        <v>97</v>
      </c>
      <c r="H129" s="53">
        <v>519</v>
      </c>
    </row>
    <row r="130" spans="1:8" x14ac:dyDescent="0.2">
      <c r="A130" s="60" t="s">
        <v>21</v>
      </c>
      <c r="B130" s="61"/>
      <c r="C130" s="19">
        <v>860</v>
      </c>
      <c r="D130" s="25">
        <v>22</v>
      </c>
      <c r="E130" s="25">
        <v>29.8</v>
      </c>
      <c r="F130" s="25">
        <v>104.24</v>
      </c>
      <c r="G130" s="14">
        <v>795.88</v>
      </c>
      <c r="H130" s="15"/>
    </row>
    <row r="131" spans="1:8" x14ac:dyDescent="0.2">
      <c r="A131" s="64" t="s">
        <v>34</v>
      </c>
      <c r="B131" s="65"/>
      <c r="C131" s="20">
        <v>1360</v>
      </c>
      <c r="D131" s="26">
        <v>37.81</v>
      </c>
      <c r="E131" s="26">
        <v>44.45</v>
      </c>
      <c r="F131" s="26">
        <v>184.77</v>
      </c>
      <c r="G131" s="16">
        <v>1339.53</v>
      </c>
      <c r="H131" s="17"/>
    </row>
    <row r="132" spans="1:8" s="8" customFormat="1" x14ac:dyDescent="0.2"/>
    <row r="133" spans="1:8" s="8" customFormat="1" ht="13.5" thickBot="1" x14ac:dyDescent="0.25">
      <c r="B133" s="11"/>
    </row>
    <row r="134" spans="1:8" s="8" customFormat="1" x14ac:dyDescent="0.2">
      <c r="A134" s="88" t="s">
        <v>72</v>
      </c>
      <c r="B134" s="89"/>
      <c r="C134" s="89"/>
      <c r="D134" s="89"/>
      <c r="E134" s="89"/>
      <c r="F134" s="89"/>
      <c r="G134" s="89"/>
      <c r="H134" s="90"/>
    </row>
    <row r="135" spans="1:8" x14ac:dyDescent="0.2">
      <c r="A135" s="10" t="s">
        <v>11</v>
      </c>
      <c r="B135" s="11" t="s">
        <v>92</v>
      </c>
      <c r="C135" s="18" t="s">
        <v>28</v>
      </c>
      <c r="D135" s="24">
        <v>21.54</v>
      </c>
      <c r="E135" s="24">
        <v>17.57</v>
      </c>
      <c r="F135" s="24">
        <v>31.33</v>
      </c>
      <c r="G135" s="12">
        <v>364.47</v>
      </c>
      <c r="H135" s="13" t="s">
        <v>91</v>
      </c>
    </row>
    <row r="136" spans="1:8" x14ac:dyDescent="0.2">
      <c r="A136" s="10" t="s">
        <v>11</v>
      </c>
      <c r="B136" s="11" t="s">
        <v>74</v>
      </c>
      <c r="C136" s="18" t="s">
        <v>41</v>
      </c>
      <c r="D136" s="24">
        <v>2.16</v>
      </c>
      <c r="E136" s="24">
        <v>2.5499999999999998</v>
      </c>
      <c r="F136" s="24">
        <v>16.649999999999999</v>
      </c>
      <c r="G136" s="12">
        <v>98.4</v>
      </c>
      <c r="H136" s="13" t="s">
        <v>73</v>
      </c>
    </row>
    <row r="137" spans="1:8" x14ac:dyDescent="0.2">
      <c r="A137" s="10" t="s">
        <v>11</v>
      </c>
      <c r="B137" s="11" t="s">
        <v>101</v>
      </c>
      <c r="C137" s="18" t="s">
        <v>30</v>
      </c>
      <c r="D137" s="24">
        <v>0.8</v>
      </c>
      <c r="E137" s="24">
        <v>0.2</v>
      </c>
      <c r="F137" s="24">
        <v>7.5</v>
      </c>
      <c r="G137" s="12">
        <v>38</v>
      </c>
      <c r="H137" s="13" t="s">
        <v>50</v>
      </c>
    </row>
    <row r="138" spans="1:8" x14ac:dyDescent="0.2">
      <c r="A138" s="55" t="s">
        <v>11</v>
      </c>
      <c r="B138" s="11" t="s">
        <v>32</v>
      </c>
      <c r="C138" s="18">
        <v>20</v>
      </c>
      <c r="D138" s="24">
        <v>1.52</v>
      </c>
      <c r="E138" s="24">
        <v>0.16</v>
      </c>
      <c r="F138" s="24">
        <v>7.8</v>
      </c>
      <c r="G138" s="12">
        <v>47</v>
      </c>
      <c r="H138" s="13" t="s">
        <v>31</v>
      </c>
    </row>
    <row r="139" spans="1:8" x14ac:dyDescent="0.2">
      <c r="A139" s="10" t="s">
        <v>11</v>
      </c>
      <c r="B139" s="11" t="s">
        <v>76</v>
      </c>
      <c r="C139" s="18" t="s">
        <v>13</v>
      </c>
      <c r="D139" s="24">
        <v>0.24</v>
      </c>
      <c r="E139" s="24">
        <v>0</v>
      </c>
      <c r="F139" s="24">
        <v>10.16</v>
      </c>
      <c r="G139" s="12">
        <v>41.52</v>
      </c>
      <c r="H139" s="13" t="s">
        <v>75</v>
      </c>
    </row>
    <row r="140" spans="1:8" x14ac:dyDescent="0.2">
      <c r="A140" s="10" t="s">
        <v>11</v>
      </c>
      <c r="B140" s="11" t="s">
        <v>17</v>
      </c>
      <c r="C140" s="18">
        <v>20</v>
      </c>
      <c r="D140" s="24">
        <v>1.32</v>
      </c>
      <c r="E140" s="24">
        <v>0.24</v>
      </c>
      <c r="F140" s="24">
        <v>6.68</v>
      </c>
      <c r="G140" s="12">
        <v>34.799999999999997</v>
      </c>
      <c r="H140" s="13" t="s">
        <v>16</v>
      </c>
    </row>
    <row r="141" spans="1:8" s="8" customFormat="1" x14ac:dyDescent="0.2">
      <c r="A141" s="60" t="s">
        <v>21</v>
      </c>
      <c r="B141" s="61"/>
      <c r="C141" s="19">
        <v>520</v>
      </c>
      <c r="D141" s="25">
        <v>27.58</v>
      </c>
      <c r="E141" s="25">
        <v>20.72</v>
      </c>
      <c r="F141" s="25">
        <v>80.12</v>
      </c>
      <c r="G141" s="14">
        <v>624.19000000000005</v>
      </c>
      <c r="H141" s="15"/>
    </row>
    <row r="142" spans="1:8" x14ac:dyDescent="0.2">
      <c r="A142" s="10" t="s">
        <v>22</v>
      </c>
      <c r="B142" s="11" t="s">
        <v>94</v>
      </c>
      <c r="C142" s="18" t="s">
        <v>25</v>
      </c>
      <c r="D142" s="24">
        <v>0.66</v>
      </c>
      <c r="E142" s="24">
        <v>6.05</v>
      </c>
      <c r="F142" s="24">
        <v>1.87</v>
      </c>
      <c r="G142" s="12">
        <v>64.94</v>
      </c>
      <c r="H142" s="13" t="s">
        <v>93</v>
      </c>
    </row>
    <row r="143" spans="1:8" x14ac:dyDescent="0.2">
      <c r="A143" s="10" t="s">
        <v>22</v>
      </c>
      <c r="B143" s="11" t="s">
        <v>96</v>
      </c>
      <c r="C143" s="18" t="s">
        <v>13</v>
      </c>
      <c r="D143" s="24">
        <v>1.64</v>
      </c>
      <c r="E143" s="24">
        <v>6.2</v>
      </c>
      <c r="F143" s="24">
        <v>9.1</v>
      </c>
      <c r="G143" s="12">
        <v>99.42</v>
      </c>
      <c r="H143" s="13" t="s">
        <v>95</v>
      </c>
    </row>
    <row r="144" spans="1:8" x14ac:dyDescent="0.2">
      <c r="A144" s="10" t="s">
        <v>22</v>
      </c>
      <c r="B144" s="11" t="s">
        <v>98</v>
      </c>
      <c r="C144" s="18" t="s">
        <v>13</v>
      </c>
      <c r="D144" s="24">
        <v>17.62</v>
      </c>
      <c r="E144" s="24">
        <v>19.32</v>
      </c>
      <c r="F144" s="24">
        <v>21.76</v>
      </c>
      <c r="G144" s="12">
        <v>331.56</v>
      </c>
      <c r="H144" s="13" t="s">
        <v>97</v>
      </c>
    </row>
    <row r="145" spans="1:8" x14ac:dyDescent="0.2">
      <c r="A145" s="10" t="s">
        <v>22</v>
      </c>
      <c r="B145" s="11" t="s">
        <v>100</v>
      </c>
      <c r="C145" s="18" t="s">
        <v>13</v>
      </c>
      <c r="D145" s="24">
        <v>0</v>
      </c>
      <c r="E145" s="24">
        <v>0</v>
      </c>
      <c r="F145" s="24">
        <v>0</v>
      </c>
      <c r="G145" s="12">
        <v>0</v>
      </c>
      <c r="H145" s="13" t="s">
        <v>99</v>
      </c>
    </row>
    <row r="146" spans="1:8" x14ac:dyDescent="0.2">
      <c r="A146" s="10" t="s">
        <v>22</v>
      </c>
      <c r="B146" s="11" t="s">
        <v>32</v>
      </c>
      <c r="C146" s="18" t="s">
        <v>33</v>
      </c>
      <c r="D146" s="24">
        <v>3.8</v>
      </c>
      <c r="E146" s="24">
        <v>0.4</v>
      </c>
      <c r="F146" s="24">
        <v>24.6</v>
      </c>
      <c r="G146" s="12">
        <v>117.5</v>
      </c>
      <c r="H146" s="13" t="s">
        <v>31</v>
      </c>
    </row>
    <row r="147" spans="1:8" x14ac:dyDescent="0.2">
      <c r="A147" s="10" t="s">
        <v>22</v>
      </c>
      <c r="B147" s="11" t="s">
        <v>17</v>
      </c>
      <c r="C147" s="18" t="s">
        <v>18</v>
      </c>
      <c r="D147" s="24">
        <v>2.64</v>
      </c>
      <c r="E147" s="24">
        <v>0.48</v>
      </c>
      <c r="F147" s="24">
        <v>13.36</v>
      </c>
      <c r="G147" s="12">
        <v>69.599999999999994</v>
      </c>
      <c r="H147" s="13" t="s">
        <v>16</v>
      </c>
    </row>
    <row r="148" spans="1:8" s="8" customFormat="1" x14ac:dyDescent="0.2">
      <c r="A148" s="60" t="s">
        <v>21</v>
      </c>
      <c r="B148" s="61"/>
      <c r="C148" s="19">
        <v>750</v>
      </c>
      <c r="D148" s="25">
        <v>26.36</v>
      </c>
      <c r="E148" s="25">
        <v>32.450000000000003</v>
      </c>
      <c r="F148" s="25">
        <v>70.69</v>
      </c>
      <c r="G148" s="14">
        <v>683.02</v>
      </c>
      <c r="H148" s="15"/>
    </row>
    <row r="149" spans="1:8" s="8" customFormat="1" ht="13.5" thickBot="1" x14ac:dyDescent="0.25">
      <c r="A149" s="64" t="s">
        <v>34</v>
      </c>
      <c r="B149" s="65"/>
      <c r="C149" s="20">
        <v>1270</v>
      </c>
      <c r="D149" s="26">
        <v>53.94</v>
      </c>
      <c r="E149" s="26">
        <v>53.17</v>
      </c>
      <c r="F149" s="26">
        <v>150.81</v>
      </c>
      <c r="G149" s="16">
        <v>1307.21</v>
      </c>
      <c r="H149" s="17"/>
    </row>
    <row r="150" spans="1:8" s="8" customFormat="1" x14ac:dyDescent="0.2">
      <c r="A150" s="66" t="s">
        <v>102</v>
      </c>
      <c r="B150" s="67"/>
      <c r="C150" s="67"/>
      <c r="D150" s="67"/>
      <c r="E150" s="67"/>
      <c r="F150" s="67"/>
      <c r="G150" s="67"/>
      <c r="H150" s="68"/>
    </row>
    <row r="151" spans="1:8" ht="25.5" x14ac:dyDescent="0.2">
      <c r="A151" s="10" t="s">
        <v>11</v>
      </c>
      <c r="B151" s="11" t="s">
        <v>104</v>
      </c>
      <c r="C151" s="18" t="s">
        <v>13</v>
      </c>
      <c r="D151" s="24">
        <v>6.7</v>
      </c>
      <c r="E151" s="24">
        <v>5.74</v>
      </c>
      <c r="F151" s="24">
        <v>30.3</v>
      </c>
      <c r="G151" s="12">
        <v>199.4</v>
      </c>
      <c r="H151" s="53" t="s">
        <v>103</v>
      </c>
    </row>
    <row r="152" spans="1:8" x14ac:dyDescent="0.2">
      <c r="A152" s="10" t="s">
        <v>11</v>
      </c>
      <c r="B152" s="11" t="s">
        <v>106</v>
      </c>
      <c r="C152" s="18" t="s">
        <v>18</v>
      </c>
      <c r="D152" s="24">
        <v>5.08</v>
      </c>
      <c r="E152" s="24">
        <v>4.5999999999999996</v>
      </c>
      <c r="F152" s="24">
        <v>0.28000000000000003</v>
      </c>
      <c r="G152" s="12">
        <v>62.8</v>
      </c>
      <c r="H152" s="53" t="s">
        <v>105</v>
      </c>
    </row>
    <row r="153" spans="1:8" x14ac:dyDescent="0.2">
      <c r="A153" s="10" t="s">
        <v>11</v>
      </c>
      <c r="B153" s="11" t="s">
        <v>40</v>
      </c>
      <c r="C153" s="18" t="s">
        <v>41</v>
      </c>
      <c r="D153" s="24">
        <v>2.25</v>
      </c>
      <c r="E153" s="24">
        <v>0.87</v>
      </c>
      <c r="F153" s="24">
        <v>15.42</v>
      </c>
      <c r="G153" s="12">
        <v>78.599999999999994</v>
      </c>
      <c r="H153" s="53" t="s">
        <v>39</v>
      </c>
    </row>
    <row r="154" spans="1:8" x14ac:dyDescent="0.2">
      <c r="A154" s="10" t="s">
        <v>11</v>
      </c>
      <c r="B154" s="11" t="s">
        <v>17</v>
      </c>
      <c r="C154" s="18">
        <v>30</v>
      </c>
      <c r="D154" s="24">
        <v>1.98</v>
      </c>
      <c r="E154" s="24">
        <v>0.36</v>
      </c>
      <c r="F154" s="24">
        <v>10.02</v>
      </c>
      <c r="G154" s="12">
        <v>52.2</v>
      </c>
      <c r="H154" s="53" t="s">
        <v>16</v>
      </c>
    </row>
    <row r="155" spans="1:8" x14ac:dyDescent="0.2">
      <c r="A155" s="10" t="s">
        <v>11</v>
      </c>
      <c r="B155" s="11" t="s">
        <v>83</v>
      </c>
      <c r="C155" s="18" t="s">
        <v>13</v>
      </c>
      <c r="D155" s="24">
        <v>3.18</v>
      </c>
      <c r="E155" s="24">
        <v>2.78</v>
      </c>
      <c r="F155" s="24">
        <v>15.08</v>
      </c>
      <c r="G155" s="12">
        <v>96.86</v>
      </c>
      <c r="H155" s="53" t="s">
        <v>82</v>
      </c>
    </row>
    <row r="156" spans="1:8" s="8" customFormat="1" x14ac:dyDescent="0.2">
      <c r="A156" s="60" t="s">
        <v>21</v>
      </c>
      <c r="B156" s="61"/>
      <c r="C156" s="19">
        <v>500</v>
      </c>
      <c r="D156" s="25">
        <v>19.190000000000001</v>
      </c>
      <c r="E156" s="25">
        <v>14.35</v>
      </c>
      <c r="F156" s="25">
        <v>71.099999999999994</v>
      </c>
      <c r="G156" s="14">
        <v>489.86</v>
      </c>
      <c r="H156" s="54"/>
    </row>
    <row r="157" spans="1:8" x14ac:dyDescent="0.2">
      <c r="A157" s="10" t="s">
        <v>22</v>
      </c>
      <c r="B157" s="11" t="s">
        <v>142</v>
      </c>
      <c r="C157" s="18" t="s">
        <v>25</v>
      </c>
      <c r="D157" s="24">
        <v>0.9</v>
      </c>
      <c r="E157" s="24">
        <v>3.3</v>
      </c>
      <c r="F157" s="24">
        <v>5.04</v>
      </c>
      <c r="G157" s="12">
        <v>53.4</v>
      </c>
      <c r="H157" s="53">
        <v>50</v>
      </c>
    </row>
    <row r="158" spans="1:8" x14ac:dyDescent="0.2">
      <c r="A158" s="10" t="s">
        <v>22</v>
      </c>
      <c r="B158" s="11" t="s">
        <v>108</v>
      </c>
      <c r="C158" s="18" t="s">
        <v>13</v>
      </c>
      <c r="D158" s="24">
        <v>7.7</v>
      </c>
      <c r="E158" s="24">
        <v>4.68</v>
      </c>
      <c r="F158" s="24">
        <v>14.24</v>
      </c>
      <c r="G158" s="12">
        <v>130.28</v>
      </c>
      <c r="H158" s="53" t="s">
        <v>107</v>
      </c>
    </row>
    <row r="159" spans="1:8" ht="25.5" x14ac:dyDescent="0.2">
      <c r="A159" s="10" t="s">
        <v>22</v>
      </c>
      <c r="B159" s="11" t="s">
        <v>110</v>
      </c>
      <c r="C159" s="18" t="s">
        <v>71</v>
      </c>
      <c r="D159" s="24">
        <v>16.88</v>
      </c>
      <c r="E159" s="24">
        <v>13.73</v>
      </c>
      <c r="F159" s="24">
        <v>34.450000000000003</v>
      </c>
      <c r="G159" s="12">
        <v>329.13</v>
      </c>
      <c r="H159" s="53" t="s">
        <v>109</v>
      </c>
    </row>
    <row r="160" spans="1:8" x14ac:dyDescent="0.2">
      <c r="A160" s="10" t="s">
        <v>22</v>
      </c>
      <c r="B160" s="11" t="s">
        <v>139</v>
      </c>
      <c r="C160" s="18" t="s">
        <v>13</v>
      </c>
      <c r="D160" s="24">
        <v>0.5</v>
      </c>
      <c r="E160" s="24">
        <v>0</v>
      </c>
      <c r="F160" s="24">
        <v>27</v>
      </c>
      <c r="G160" s="12">
        <v>110</v>
      </c>
      <c r="H160" s="53">
        <v>508</v>
      </c>
    </row>
    <row r="161" spans="1:8" x14ac:dyDescent="0.2">
      <c r="A161" s="10" t="s">
        <v>22</v>
      </c>
      <c r="B161" s="11" t="s">
        <v>32</v>
      </c>
      <c r="C161" s="18" t="s">
        <v>33</v>
      </c>
      <c r="D161" s="24">
        <v>3.8</v>
      </c>
      <c r="E161" s="24">
        <v>0.4</v>
      </c>
      <c r="F161" s="24">
        <v>24.6</v>
      </c>
      <c r="G161" s="12">
        <v>117.5</v>
      </c>
      <c r="H161" s="53" t="s">
        <v>31</v>
      </c>
    </row>
    <row r="162" spans="1:8" x14ac:dyDescent="0.2">
      <c r="A162" s="10" t="s">
        <v>22</v>
      </c>
      <c r="B162" s="11" t="s">
        <v>17</v>
      </c>
      <c r="C162" s="18" t="s">
        <v>18</v>
      </c>
      <c r="D162" s="24">
        <v>2.64</v>
      </c>
      <c r="E162" s="24">
        <v>0.48</v>
      </c>
      <c r="F162" s="24">
        <v>13.36</v>
      </c>
      <c r="G162" s="12">
        <v>69.599999999999994</v>
      </c>
      <c r="H162" s="53" t="s">
        <v>16</v>
      </c>
    </row>
    <row r="163" spans="1:8" s="8" customFormat="1" x14ac:dyDescent="0.2">
      <c r="A163" s="60" t="s">
        <v>21</v>
      </c>
      <c r="B163" s="61"/>
      <c r="C163" s="19">
        <v>780</v>
      </c>
      <c r="D163" s="25">
        <v>32.42</v>
      </c>
      <c r="E163" s="25">
        <v>22.59</v>
      </c>
      <c r="F163" s="25">
        <v>118.69</v>
      </c>
      <c r="G163" s="14">
        <v>809.91</v>
      </c>
      <c r="H163" s="54"/>
    </row>
    <row r="164" spans="1:8" s="8" customFormat="1" ht="13.5" thickBot="1" x14ac:dyDescent="0.25">
      <c r="A164" s="64" t="s">
        <v>34</v>
      </c>
      <c r="B164" s="65"/>
      <c r="C164" s="20">
        <v>1280</v>
      </c>
      <c r="D164" s="26">
        <v>51.61</v>
      </c>
      <c r="E164" s="26">
        <v>36.94</v>
      </c>
      <c r="F164" s="26">
        <v>189.79</v>
      </c>
      <c r="G164" s="16">
        <v>1299.77</v>
      </c>
      <c r="H164" s="17"/>
    </row>
    <row r="165" spans="1:8" s="8" customFormat="1" x14ac:dyDescent="0.2">
      <c r="A165" s="66" t="s">
        <v>111</v>
      </c>
      <c r="B165" s="67"/>
      <c r="C165" s="29">
        <v>13105</v>
      </c>
      <c r="D165" s="30">
        <v>436.73</v>
      </c>
      <c r="E165" s="30">
        <v>403.87</v>
      </c>
      <c r="F165" s="30">
        <v>1759.64</v>
      </c>
      <c r="G165" s="31">
        <v>12597</v>
      </c>
      <c r="H165" s="32"/>
    </row>
    <row r="166" spans="1:8" s="8" customFormat="1" x14ac:dyDescent="0.2">
      <c r="A166" s="60" t="s">
        <v>112</v>
      </c>
      <c r="B166" s="61"/>
      <c r="C166" s="19">
        <v>1310.5</v>
      </c>
      <c r="D166" s="25">
        <v>43.67</v>
      </c>
      <c r="E166" s="25">
        <v>40.39</v>
      </c>
      <c r="F166" s="25">
        <v>175.96</v>
      </c>
      <c r="G166" s="14">
        <v>1259.7</v>
      </c>
      <c r="H166" s="15"/>
    </row>
    <row r="167" spans="1:8" s="28" customFormat="1" ht="30" customHeight="1" thickBot="1" x14ac:dyDescent="0.25">
      <c r="A167" s="62" t="s">
        <v>113</v>
      </c>
      <c r="B167" s="63"/>
      <c r="C167" s="33"/>
      <c r="D167" s="34"/>
      <c r="E167" s="34"/>
      <c r="F167" s="34"/>
      <c r="G167" s="35"/>
      <c r="H167" s="36"/>
    </row>
  </sheetData>
  <mergeCells count="50">
    <mergeCell ref="B1:G1"/>
    <mergeCell ref="A52:B52"/>
    <mergeCell ref="H5:H6"/>
    <mergeCell ref="A7:H7"/>
    <mergeCell ref="A122:B122"/>
    <mergeCell ref="A130:B130"/>
    <mergeCell ref="A131:B131"/>
    <mergeCell ref="A22:H22"/>
    <mergeCell ref="A5:A6"/>
    <mergeCell ref="B5:B6"/>
    <mergeCell ref="C5:C6"/>
    <mergeCell ref="D5:F5"/>
    <mergeCell ref="G5:G6"/>
    <mergeCell ref="A28:B28"/>
    <mergeCell ref="A36:B36"/>
    <mergeCell ref="A37:B37"/>
    <mergeCell ref="A38:H38"/>
    <mergeCell ref="A44:B44"/>
    <mergeCell ref="A100:B100"/>
    <mergeCell ref="A53:B53"/>
    <mergeCell ref="A54:H54"/>
    <mergeCell ref="A61:B61"/>
    <mergeCell ref="A69:B69"/>
    <mergeCell ref="A70:B70"/>
    <mergeCell ref="A71:H71"/>
    <mergeCell ref="A76:B76"/>
    <mergeCell ref="A84:B84"/>
    <mergeCell ref="A85:B85"/>
    <mergeCell ref="A86:H86"/>
    <mergeCell ref="A92:B92"/>
    <mergeCell ref="A148:B148"/>
    <mergeCell ref="A101:B101"/>
    <mergeCell ref="A102:H102"/>
    <mergeCell ref="A107:B107"/>
    <mergeCell ref="A115:B115"/>
    <mergeCell ref="A116:B116"/>
    <mergeCell ref="A117:H117"/>
    <mergeCell ref="A12:B12"/>
    <mergeCell ref="A20:B20"/>
    <mergeCell ref="A21:B21"/>
    <mergeCell ref="A134:H134"/>
    <mergeCell ref="A141:B141"/>
    <mergeCell ref="A166:B166"/>
    <mergeCell ref="A167:B167"/>
    <mergeCell ref="A149:B149"/>
    <mergeCell ref="A150:H150"/>
    <mergeCell ref="A156:B156"/>
    <mergeCell ref="A163:B163"/>
    <mergeCell ref="A164:B164"/>
    <mergeCell ref="A165:B165"/>
  </mergeCells>
  <pageMargins left="0.70866141732283472" right="0.70866141732283472" top="0.74803149606299213" bottom="0.74803149606299213" header="0.31496062992125984" footer="0.31496062992125984"/>
  <pageSetup paperSize="9" fitToHeight="0" orientation="landscape" r:id="rId1"/>
  <rowBreaks count="9" manualBreakCount="9">
    <brk id="21" max="16383" man="1"/>
    <brk id="37" max="16383" man="1"/>
    <brk id="53" max="16383" man="1"/>
    <brk id="70" max="16383" man="1"/>
    <brk id="85" max="16383" man="1"/>
    <brk id="101" max="16383" man="1"/>
    <brk id="116" max="16383" man="1"/>
    <brk id="133" max="16383" man="1"/>
    <brk id="14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3:H25"/>
  <sheetViews>
    <sheetView workbookViewId="0">
      <selection activeCell="I17" sqref="I17"/>
    </sheetView>
  </sheetViews>
  <sheetFormatPr defaultRowHeight="12.75" x14ac:dyDescent="0.2"/>
  <cols>
    <col min="8" max="8" width="64.140625" customWidth="1"/>
  </cols>
  <sheetData>
    <row r="3" spans="1:8" ht="20.25" x14ac:dyDescent="0.3">
      <c r="A3" s="83" t="s">
        <v>120</v>
      </c>
      <c r="B3" s="83"/>
      <c r="C3" s="83"/>
      <c r="D3" s="84" t="s">
        <v>121</v>
      </c>
      <c r="E3" s="84"/>
      <c r="F3" s="84" t="s">
        <v>122</v>
      </c>
      <c r="G3" s="84"/>
      <c r="H3" s="84"/>
    </row>
    <row r="4" spans="1:8" ht="20.25" x14ac:dyDescent="0.3">
      <c r="A4" s="85" t="s">
        <v>123</v>
      </c>
      <c r="B4" s="85"/>
      <c r="C4" s="85"/>
      <c r="D4" s="38"/>
      <c r="E4" s="38"/>
      <c r="F4" s="38"/>
      <c r="G4" s="39"/>
      <c r="H4" s="40" t="s">
        <v>123</v>
      </c>
    </row>
    <row r="5" spans="1:8" ht="20.25" x14ac:dyDescent="0.3">
      <c r="A5" s="85"/>
      <c r="B5" s="85"/>
      <c r="C5" s="85"/>
      <c r="D5" s="38"/>
      <c r="E5" s="38"/>
      <c r="F5" s="38"/>
      <c r="G5" s="40"/>
      <c r="H5" s="40" t="s">
        <v>124</v>
      </c>
    </row>
    <row r="6" spans="1:8" ht="20.25" x14ac:dyDescent="0.3">
      <c r="A6" s="86" t="s">
        <v>125</v>
      </c>
      <c r="B6" s="86"/>
      <c r="C6" s="86"/>
      <c r="D6" s="41"/>
      <c r="E6" s="41"/>
      <c r="F6" s="41"/>
      <c r="G6" s="39"/>
      <c r="H6" s="42" t="s">
        <v>126</v>
      </c>
    </row>
    <row r="7" spans="1:8" ht="20.25" x14ac:dyDescent="0.3">
      <c r="A7" s="43"/>
      <c r="B7" s="43"/>
      <c r="C7" s="43"/>
      <c r="D7" s="44"/>
      <c r="E7" s="42"/>
      <c r="F7" s="42"/>
      <c r="G7" s="42"/>
      <c r="H7" s="42"/>
    </row>
    <row r="8" spans="1:8" ht="37.5" customHeight="1" x14ac:dyDescent="0.3">
      <c r="A8" s="43"/>
      <c r="B8" s="43"/>
      <c r="C8" s="43"/>
      <c r="D8" s="44"/>
      <c r="E8" s="42"/>
      <c r="F8" s="42"/>
      <c r="G8" s="42"/>
      <c r="H8" s="42"/>
    </row>
    <row r="9" spans="1:8" ht="20.25" hidden="1" x14ac:dyDescent="0.3">
      <c r="A9" s="43"/>
      <c r="B9" s="43"/>
      <c r="C9" s="43"/>
      <c r="D9" s="44"/>
      <c r="E9" s="42"/>
      <c r="F9" s="42"/>
      <c r="G9" s="42"/>
      <c r="H9" s="42"/>
    </row>
    <row r="10" spans="1:8" ht="20.25" hidden="1" x14ac:dyDescent="0.3">
      <c r="A10" s="43"/>
      <c r="B10" s="43"/>
      <c r="C10" s="43"/>
      <c r="D10" s="44"/>
      <c r="E10" s="42"/>
      <c r="F10" s="42"/>
      <c r="G10" s="42"/>
      <c r="H10" s="42"/>
    </row>
    <row r="11" spans="1:8" ht="15" hidden="1" x14ac:dyDescent="0.25">
      <c r="A11" s="45"/>
      <c r="B11" s="45"/>
      <c r="C11" s="45"/>
      <c r="D11" s="46"/>
      <c r="E11" s="46"/>
      <c r="F11" s="46"/>
      <c r="G11" s="46"/>
      <c r="H11" s="46"/>
    </row>
    <row r="12" spans="1:8" ht="15" hidden="1" x14ac:dyDescent="0.25">
      <c r="A12" s="47"/>
      <c r="B12" s="45"/>
      <c r="C12" s="45"/>
      <c r="D12" s="46"/>
      <c r="E12" s="46"/>
      <c r="F12" s="46"/>
      <c r="G12" s="46"/>
      <c r="H12" s="46"/>
    </row>
    <row r="13" spans="1:8" ht="15" hidden="1" x14ac:dyDescent="0.25">
      <c r="A13" s="46"/>
      <c r="B13" s="46"/>
      <c r="C13" s="46"/>
      <c r="D13" s="46"/>
      <c r="E13" s="46"/>
      <c r="F13" s="46"/>
      <c r="G13" s="46"/>
      <c r="H13" s="46"/>
    </row>
    <row r="14" spans="1:8" ht="15" hidden="1" x14ac:dyDescent="0.25">
      <c r="A14" s="46"/>
      <c r="B14" s="46"/>
      <c r="C14" s="46"/>
      <c r="D14" s="46"/>
      <c r="E14" s="46"/>
      <c r="F14" s="46"/>
      <c r="G14" s="46"/>
      <c r="H14" s="46"/>
    </row>
    <row r="15" spans="1:8" ht="36.75" customHeight="1" x14ac:dyDescent="0.25">
      <c r="A15" s="87" t="s">
        <v>127</v>
      </c>
      <c r="B15" s="87"/>
      <c r="C15" s="87"/>
      <c r="D15" s="87"/>
      <c r="E15" s="87"/>
      <c r="F15" s="87"/>
      <c r="G15" s="87"/>
      <c r="H15" s="87"/>
    </row>
    <row r="16" spans="1:8" ht="18" x14ac:dyDescent="0.25">
      <c r="A16" s="81" t="s">
        <v>131</v>
      </c>
      <c r="B16" s="81"/>
      <c r="C16" s="81"/>
      <c r="D16" s="81"/>
      <c r="E16" s="81"/>
      <c r="F16" s="81"/>
      <c r="G16" s="81"/>
      <c r="H16" s="81"/>
    </row>
    <row r="17" spans="1:8" ht="18" x14ac:dyDescent="0.25">
      <c r="A17" s="81" t="s">
        <v>128</v>
      </c>
      <c r="B17" s="81"/>
      <c r="C17" s="81"/>
      <c r="D17" s="81"/>
      <c r="E17" s="81"/>
      <c r="F17" s="81"/>
      <c r="G17" s="81"/>
      <c r="H17" s="81"/>
    </row>
    <row r="18" spans="1:8" ht="165.75" customHeight="1" x14ac:dyDescent="0.2">
      <c r="A18" s="82" t="s">
        <v>129</v>
      </c>
      <c r="B18" s="82"/>
      <c r="C18" s="82"/>
      <c r="D18" s="82"/>
      <c r="E18" s="82"/>
      <c r="F18" s="82"/>
      <c r="G18" s="82"/>
      <c r="H18" s="82"/>
    </row>
    <row r="19" spans="1:8" ht="46.5" customHeight="1" x14ac:dyDescent="0.2">
      <c r="A19" s="82" t="s">
        <v>130</v>
      </c>
      <c r="B19" s="82"/>
      <c r="C19" s="82"/>
      <c r="D19" s="82"/>
      <c r="E19" s="82"/>
      <c r="F19" s="82"/>
      <c r="G19" s="82"/>
      <c r="H19" s="82"/>
    </row>
    <row r="20" spans="1:8" hidden="1" x14ac:dyDescent="0.2"/>
    <row r="21" spans="1:8" hidden="1" x14ac:dyDescent="0.2"/>
    <row r="22" spans="1:8" hidden="1" x14ac:dyDescent="0.2"/>
    <row r="23" spans="1:8" hidden="1" x14ac:dyDescent="0.2"/>
    <row r="24" spans="1:8" hidden="1" x14ac:dyDescent="0.2"/>
    <row r="25" spans="1:8" x14ac:dyDescent="0.2">
      <c r="G25">
        <v>2024</v>
      </c>
    </row>
  </sheetData>
  <mergeCells count="10">
    <mergeCell ref="A16:H16"/>
    <mergeCell ref="A17:H17"/>
    <mergeCell ref="A18:H18"/>
    <mergeCell ref="A19:H19"/>
    <mergeCell ref="A3:C3"/>
    <mergeCell ref="D3:H3"/>
    <mergeCell ref="A4:C4"/>
    <mergeCell ref="A5:C5"/>
    <mergeCell ref="A6:C6"/>
    <mergeCell ref="A15:H15"/>
  </mergeCells>
  <phoneticPr fontId="0" type="noConversion"/>
  <pageMargins left="0.75" right="0.75" top="1" bottom="1" header="0.5" footer="0.5"/>
  <pageSetup paperSize="9" orientation="landscape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3:H25"/>
  <sheetViews>
    <sheetView tabSelected="1" workbookViewId="0">
      <selection activeCell="K18" sqref="K18"/>
    </sheetView>
  </sheetViews>
  <sheetFormatPr defaultRowHeight="12.75" x14ac:dyDescent="0.2"/>
  <cols>
    <col min="8" max="8" width="64" customWidth="1"/>
  </cols>
  <sheetData>
    <row r="3" spans="1:8" ht="20.25" x14ac:dyDescent="0.3">
      <c r="A3" s="83" t="s">
        <v>120</v>
      </c>
      <c r="B3" s="83"/>
      <c r="C3" s="83"/>
      <c r="D3" s="84" t="s">
        <v>121</v>
      </c>
      <c r="E3" s="84"/>
      <c r="F3" s="84" t="s">
        <v>122</v>
      </c>
      <c r="G3" s="84"/>
      <c r="H3" s="84"/>
    </row>
    <row r="4" spans="1:8" ht="20.25" x14ac:dyDescent="0.3">
      <c r="A4" s="85" t="s">
        <v>123</v>
      </c>
      <c r="B4" s="85"/>
      <c r="C4" s="85"/>
      <c r="D4" s="38"/>
      <c r="E4" s="38"/>
      <c r="F4" s="38"/>
      <c r="G4" s="39"/>
      <c r="H4" s="40" t="s">
        <v>123</v>
      </c>
    </row>
    <row r="5" spans="1:8" ht="20.25" x14ac:dyDescent="0.3">
      <c r="A5" s="85"/>
      <c r="B5" s="85"/>
      <c r="C5" s="85"/>
      <c r="D5" s="38"/>
      <c r="E5" s="38"/>
      <c r="F5" s="38"/>
      <c r="G5" s="40"/>
      <c r="H5" s="40" t="s">
        <v>124</v>
      </c>
    </row>
    <row r="6" spans="1:8" ht="20.25" x14ac:dyDescent="0.3">
      <c r="A6" s="86" t="s">
        <v>125</v>
      </c>
      <c r="B6" s="86"/>
      <c r="C6" s="86"/>
      <c r="D6" s="41"/>
      <c r="E6" s="41"/>
      <c r="F6" s="41"/>
      <c r="G6" s="39"/>
      <c r="H6" s="42" t="s">
        <v>126</v>
      </c>
    </row>
    <row r="7" spans="1:8" ht="20.25" x14ac:dyDescent="0.3">
      <c r="A7" s="43"/>
      <c r="B7" s="43"/>
      <c r="C7" s="43"/>
      <c r="D7" s="44"/>
      <c r="E7" s="42"/>
      <c r="F7" s="42"/>
      <c r="G7" s="42"/>
      <c r="H7" s="42"/>
    </row>
    <row r="8" spans="1:8" ht="20.25" hidden="1" x14ac:dyDescent="0.3">
      <c r="A8" s="43"/>
      <c r="B8" s="43"/>
      <c r="C8" s="43"/>
      <c r="D8" s="44"/>
      <c r="E8" s="42"/>
      <c r="F8" s="42"/>
      <c r="G8" s="42"/>
      <c r="H8" s="42"/>
    </row>
    <row r="9" spans="1:8" ht="20.25" hidden="1" x14ac:dyDescent="0.3">
      <c r="A9" s="43"/>
      <c r="B9" s="43"/>
      <c r="C9" s="43"/>
      <c r="D9" s="44"/>
      <c r="E9" s="42"/>
      <c r="F9" s="42"/>
      <c r="G9" s="42"/>
      <c r="H9" s="42"/>
    </row>
    <row r="10" spans="1:8" ht="20.25" hidden="1" x14ac:dyDescent="0.3">
      <c r="A10" s="43"/>
      <c r="B10" s="43"/>
      <c r="C10" s="43"/>
      <c r="D10" s="44"/>
      <c r="E10" s="42"/>
      <c r="F10" s="42"/>
      <c r="G10" s="42"/>
      <c r="H10" s="42"/>
    </row>
    <row r="11" spans="1:8" ht="15" hidden="1" x14ac:dyDescent="0.25">
      <c r="A11" s="45"/>
      <c r="B11" s="45"/>
      <c r="C11" s="45"/>
      <c r="D11" s="46"/>
      <c r="E11" s="46"/>
      <c r="F11" s="46"/>
      <c r="G11" s="46"/>
      <c r="H11" s="46"/>
    </row>
    <row r="12" spans="1:8" ht="15" hidden="1" x14ac:dyDescent="0.25">
      <c r="A12" s="47"/>
      <c r="B12" s="45"/>
      <c r="C12" s="45"/>
      <c r="D12" s="46"/>
      <c r="E12" s="46"/>
      <c r="F12" s="46"/>
      <c r="G12" s="46"/>
      <c r="H12" s="46"/>
    </row>
    <row r="13" spans="1:8" ht="15" hidden="1" x14ac:dyDescent="0.25">
      <c r="A13" s="46"/>
      <c r="B13" s="46"/>
      <c r="C13" s="46"/>
      <c r="D13" s="46"/>
      <c r="E13" s="46"/>
      <c r="F13" s="46"/>
      <c r="G13" s="46"/>
      <c r="H13" s="46"/>
    </row>
    <row r="14" spans="1:8" ht="15" hidden="1" x14ac:dyDescent="0.25">
      <c r="A14" s="46"/>
      <c r="B14" s="46"/>
      <c r="C14" s="46"/>
      <c r="D14" s="46"/>
      <c r="E14" s="46"/>
      <c r="F14" s="46"/>
      <c r="G14" s="46"/>
      <c r="H14" s="46"/>
    </row>
    <row r="15" spans="1:8" ht="18" x14ac:dyDescent="0.25">
      <c r="A15" s="87" t="s">
        <v>127</v>
      </c>
      <c r="B15" s="87"/>
      <c r="C15" s="87"/>
      <c r="D15" s="87"/>
      <c r="E15" s="87"/>
      <c r="F15" s="87"/>
      <c r="G15" s="87"/>
      <c r="H15" s="87"/>
    </row>
    <row r="16" spans="1:8" ht="18" x14ac:dyDescent="0.25">
      <c r="A16" s="81" t="s">
        <v>131</v>
      </c>
      <c r="B16" s="81"/>
      <c r="C16" s="81"/>
      <c r="D16" s="81"/>
      <c r="E16" s="81"/>
      <c r="F16" s="81"/>
      <c r="G16" s="81"/>
      <c r="H16" s="81"/>
    </row>
    <row r="17" spans="1:8" ht="18" x14ac:dyDescent="0.25">
      <c r="A17" s="81" t="s">
        <v>132</v>
      </c>
      <c r="B17" s="81"/>
      <c r="C17" s="81"/>
      <c r="D17" s="81"/>
      <c r="E17" s="81"/>
      <c r="F17" s="81"/>
      <c r="G17" s="81"/>
      <c r="H17" s="81"/>
    </row>
    <row r="18" spans="1:8" ht="157.5" customHeight="1" x14ac:dyDescent="0.2">
      <c r="A18" s="82" t="s">
        <v>129</v>
      </c>
      <c r="B18" s="82"/>
      <c r="C18" s="82"/>
      <c r="D18" s="82"/>
      <c r="E18" s="82"/>
      <c r="F18" s="82"/>
      <c r="G18" s="82"/>
      <c r="H18" s="82"/>
    </row>
    <row r="19" spans="1:8" ht="70.5" customHeight="1" x14ac:dyDescent="0.2">
      <c r="A19" s="82" t="s">
        <v>130</v>
      </c>
      <c r="B19" s="82"/>
      <c r="C19" s="82"/>
      <c r="D19" s="82"/>
      <c r="E19" s="82"/>
      <c r="F19" s="82"/>
      <c r="G19" s="82"/>
      <c r="H19" s="82"/>
    </row>
    <row r="20" spans="1:8" ht="0.75" customHeight="1" x14ac:dyDescent="0.2"/>
    <row r="21" spans="1:8" hidden="1" x14ac:dyDescent="0.2"/>
    <row r="22" spans="1:8" hidden="1" x14ac:dyDescent="0.2"/>
    <row r="23" spans="1:8" hidden="1" x14ac:dyDescent="0.2"/>
    <row r="24" spans="1:8" ht="38.25" customHeight="1" x14ac:dyDescent="0.2"/>
    <row r="25" spans="1:8" x14ac:dyDescent="0.2">
      <c r="G25">
        <v>2024</v>
      </c>
    </row>
  </sheetData>
  <mergeCells count="10">
    <mergeCell ref="A16:H16"/>
    <mergeCell ref="A17:H17"/>
    <mergeCell ref="A18:H18"/>
    <mergeCell ref="A19:H19"/>
    <mergeCell ref="A3:C3"/>
    <mergeCell ref="D3:H3"/>
    <mergeCell ref="A4:C4"/>
    <mergeCell ref="A5:C5"/>
    <mergeCell ref="A6:C6"/>
    <mergeCell ref="A15:H15"/>
  </mergeCells>
  <phoneticPr fontId="0" type="noConversion"/>
  <pageMargins left="0.75" right="0.75" top="1" bottom="1" header="0.5" footer="0.5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4</vt:i4>
      </vt:variant>
      <vt:variant>
        <vt:lpstr>Именованные диапазоны</vt:lpstr>
      </vt:variant>
      <vt:variant>
        <vt:i4>2</vt:i4>
      </vt:variant>
    </vt:vector>
  </HeadingPairs>
  <TitlesOfParts>
    <vt:vector size="6" baseType="lpstr">
      <vt:lpstr>5-11 кл 2.7</vt:lpstr>
      <vt:lpstr>1-4 кл. 2.7</vt:lpstr>
      <vt:lpstr>Лист2</vt:lpstr>
      <vt:lpstr>Лист3</vt:lpstr>
      <vt:lpstr>'1-4 кл. 2.7'!Заголовки_для_печати</vt:lpstr>
      <vt:lpstr>'5-11 кл 2.7'!Заголовки_для_печати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otop909@outlook.com</dc:creator>
  <cp:lastModifiedBy>Светлана Амосова</cp:lastModifiedBy>
  <cp:lastPrinted>2024-10-22T06:39:07Z</cp:lastPrinted>
  <dcterms:created xsi:type="dcterms:W3CDTF">2010-09-29T09:10:17Z</dcterms:created>
  <dcterms:modified xsi:type="dcterms:W3CDTF">2024-10-28T03:38:20Z</dcterms:modified>
</cp:coreProperties>
</file>